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/>
  <mc:AlternateContent xmlns:mc="http://schemas.openxmlformats.org/markup-compatibility/2006">
    <mc:Choice Requires="x15">
      <x15ac:absPath xmlns:x15ac="http://schemas.microsoft.com/office/spreadsheetml/2010/11/ac" url="C:\Users\s08268\Desktop\"/>
    </mc:Choice>
  </mc:AlternateContent>
  <xr:revisionPtr revIDLastSave="0" documentId="13_ncr:1_{59C55129-C1A3-48E7-A6C0-52180CECFFBD}" xr6:coauthVersionLast="47" xr6:coauthVersionMax="47" xr10:uidLastSave="{00000000-0000-0000-0000-000000000000}"/>
  <bookViews>
    <workbookView xWindow="-120" yWindow="-120" windowWidth="29040" windowHeight="15720" firstSheet="1" activeTab="1" xr2:uid="{00000000-000D-0000-FFFF-FFFF00000000}"/>
  </bookViews>
  <sheets>
    <sheet name="Sheet1" sheetId="352" state="hidden" r:id="rId1"/>
    <sheet name="32.島根県" sheetId="579" r:id="rId2"/>
  </sheets>
  <externalReferences>
    <externalReference r:id="rId3"/>
  </externalReferences>
  <definedNames>
    <definedName name="_xlnm._FilterDatabase" localSheetId="1" hidden="1">'32.島根県'!$A$2:$AD$51</definedName>
    <definedName name="_Key1" localSheetId="1" hidden="1">#REF!</definedName>
    <definedName name="_Key1" hidden="1">#REF!</definedName>
    <definedName name="_Order1" hidden="1">255</definedName>
    <definedName name="_Order2" hidden="1">0</definedName>
    <definedName name="_Parse_Out" localSheetId="1" hidden="1">#REF!</definedName>
    <definedName name="_Parse_Out" hidden="1">#REF!</definedName>
    <definedName name="_Sort" localSheetId="1" hidden="1">#REF!</definedName>
    <definedName name="_Sort" hidden="1">#REF!</definedName>
    <definedName name="a" localSheetId="1" hidden="1">#REF!</definedName>
    <definedName name="a" hidden="1">#REF!</definedName>
    <definedName name="Aptx" localSheetId="1" hidden="1">#REF!</definedName>
    <definedName name="Aptx" hidden="1">#REF!</definedName>
    <definedName name="hensyu" localSheetId="1" hidden="1">#REF!</definedName>
    <definedName name="hensyu" hidden="1">#REF!</definedName>
    <definedName name="HTML1_1" hidden="1">"'[４.xls]Sheet1'!$A$3:$J$41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４."</definedName>
    <definedName name="HTML1_4" hidden="1">"Sheet1"</definedName>
    <definedName name="HTML1_5" hidden="1">""</definedName>
    <definedName name="HTML1_6" hidden="1">-4146</definedName>
    <definedName name="HTML1_7" hidden="1">-4146</definedName>
    <definedName name="HTML1_8" hidden="1">"96/07/11"</definedName>
    <definedName name="HTML1_9" hidden="1">"統計管理課"</definedName>
    <definedName name="HTML2_1" hidden="1">"'[４.xls]Sheet2'!$A$1:$J$25"</definedName>
    <definedName name="HTML2_10" hidden="1">""</definedName>
    <definedName name="HTML2_11" hidden="1">1</definedName>
    <definedName name="HTML2_12" hidden="1">"C:\My Documents\MyHTML.htm"</definedName>
    <definedName name="HTML2_2" hidden="1">1</definedName>
    <definedName name="HTML2_3" hidden="1">"４."</definedName>
    <definedName name="HTML2_4" hidden="1">"Sheet2"</definedName>
    <definedName name="HTML2_5" hidden="1">""</definedName>
    <definedName name="HTML2_6" hidden="1">-4146</definedName>
    <definedName name="HTML2_7" hidden="1">-4146</definedName>
    <definedName name="HTML2_8" hidden="1">"96/07/11"</definedName>
    <definedName name="HTML2_9" hidden="1">"統計管理課"</definedName>
    <definedName name="HTMLCount" hidden="1">2</definedName>
    <definedName name="part_2" localSheetId="1" hidden="1">#REF!</definedName>
    <definedName name="part_2" hidden="1">#REF!</definedName>
    <definedName name="part_3" localSheetId="1" hidden="1">#REF!</definedName>
    <definedName name="part_3" hidden="1">#REF!</definedName>
    <definedName name="_xlnm.Print_Area" localSheetId="1">'32.島根県'!$A$2:$AF$51</definedName>
    <definedName name="_xlnm.Print_Titles" localSheetId="1">'32.島根県'!$C:$C</definedName>
    <definedName name="あ" localSheetId="1" hidden="1">#REF!</definedName>
    <definedName name="あ" hidden="1">#REF!</definedName>
    <definedName name="あいうえお" localSheetId="1">#REF!</definedName>
    <definedName name="あいうえお">#REF!</definedName>
    <definedName name="こ" localSheetId="1" hidden="1">#REF!</definedName>
    <definedName name="こ" hidden="1">#REF!</definedName>
    <definedName name="リスト" localSheetId="1">#REF!</definedName>
    <definedName name="リスト">#REF!</definedName>
    <definedName name="愛知県23" localSheetId="1">#REF!</definedName>
    <definedName name="愛知県23">#REF!</definedName>
    <definedName name="愛媛県38" localSheetId="1">#REF!</definedName>
    <definedName name="愛媛県38">#REF!</definedName>
    <definedName name="茨城県08" localSheetId="1">#REF!</definedName>
    <definedName name="茨城県08">#REF!</definedName>
    <definedName name="岡山県33" localSheetId="1">#REF!</definedName>
    <definedName name="岡山県33">#REF!</definedName>
    <definedName name="岡山県34" localSheetId="1">#REF!</definedName>
    <definedName name="岡山県34">#REF!</definedName>
    <definedName name="沖縄県47" localSheetId="1">#REF!</definedName>
    <definedName name="沖縄県47">#REF!</definedName>
    <definedName name="岩手県03" localSheetId="1">#REF!</definedName>
    <definedName name="岩手県03">#REF!</definedName>
    <definedName name="岐阜県21" localSheetId="1">#REF!</definedName>
    <definedName name="岐阜県21">#REF!</definedName>
    <definedName name="宮崎県45" localSheetId="1">#REF!</definedName>
    <definedName name="宮崎県45">#REF!</definedName>
    <definedName name="宮城県04" localSheetId="1">#REF!</definedName>
    <definedName name="宮城県04">#REF!</definedName>
    <definedName name="京都府26" localSheetId="1">#REF!</definedName>
    <definedName name="京都府26">#REF!</definedName>
    <definedName name="熊本県43" localSheetId="1">#REF!</definedName>
    <definedName name="熊本県43">#REF!</definedName>
    <definedName name="群馬県10" localSheetId="1">#REF!</definedName>
    <definedName name="群馬県10">#REF!</definedName>
    <definedName name="広島県34" localSheetId="1">#REF!</definedName>
    <definedName name="広島県34">#REF!</definedName>
    <definedName name="香川県37" localSheetId="1">#REF!</definedName>
    <definedName name="香川県37">#REF!</definedName>
    <definedName name="高知県39" localSheetId="1">#REF!</definedName>
    <definedName name="高知県39">#REF!</definedName>
    <definedName name="佐賀県41" localSheetId="1">#REF!</definedName>
    <definedName name="佐賀県41">#REF!</definedName>
    <definedName name="埼玉県11" localSheetId="1">#REF!</definedName>
    <definedName name="埼玉県11">#REF!</definedName>
    <definedName name="三重県24" localSheetId="1">#REF!</definedName>
    <definedName name="三重県24">#REF!</definedName>
    <definedName name="山形県06" localSheetId="1">#REF!</definedName>
    <definedName name="山形県06">#REF!</definedName>
    <definedName name="山口県35" localSheetId="1">#REF!</definedName>
    <definedName name="山口県35">#REF!</definedName>
    <definedName name="山梨県19" localSheetId="1">#REF!</definedName>
    <definedName name="山梨県19">#REF!</definedName>
    <definedName name="滋賀県25" localSheetId="1">#REF!</definedName>
    <definedName name="滋賀県25">#REF!</definedName>
    <definedName name="鹿児島県46" localSheetId="1">#REF!</definedName>
    <definedName name="鹿児島県46">#REF!</definedName>
    <definedName name="秋田県05" localSheetId="1">#REF!</definedName>
    <definedName name="秋田県05">#REF!</definedName>
    <definedName name="新潟県15" localSheetId="1">#REF!</definedName>
    <definedName name="新潟県15">#REF!</definedName>
    <definedName name="神奈川県14" localSheetId="1">#REF!</definedName>
    <definedName name="神奈川県14">#REF!</definedName>
    <definedName name="青森県02" localSheetId="1">#REF!</definedName>
    <definedName name="青森県02">#REF!</definedName>
    <definedName name="静岡県22" localSheetId="1">#REF!</definedName>
    <definedName name="静岡県22">#REF!</definedName>
    <definedName name="石川県17" localSheetId="1">#REF!</definedName>
    <definedName name="石川県17">#REF!</definedName>
    <definedName name="千葉県12" localSheetId="1">#REF!</definedName>
    <definedName name="千葉県12">#REF!</definedName>
    <definedName name="大阪府27" localSheetId="1">#REF!</definedName>
    <definedName name="大阪府27">#REF!</definedName>
    <definedName name="大分県44" localSheetId="1">#REF!</definedName>
    <definedName name="大分県44">#REF!</definedName>
    <definedName name="長崎県42" localSheetId="1">#REF!</definedName>
    <definedName name="長崎県42">#REF!</definedName>
    <definedName name="長野県20" localSheetId="1">#REF!</definedName>
    <definedName name="長野県20">#REF!</definedName>
    <definedName name="鳥取県31" localSheetId="1">#REF!</definedName>
    <definedName name="鳥取県31">#REF!</definedName>
    <definedName name="都道府県コード" localSheetId="1">#REF!</definedName>
    <definedName name="都道府県コード">[1]コード!$A$1:$AU$1</definedName>
    <definedName name="島根県32" localSheetId="1">#REF!</definedName>
    <definedName name="島根県32">#REF!</definedName>
    <definedName name="東京都13" localSheetId="1">#REF!</definedName>
    <definedName name="東京都13">#REF!</definedName>
    <definedName name="徳島県36" localSheetId="1">#REF!</definedName>
    <definedName name="徳島県36">#REF!</definedName>
    <definedName name="栃木県09" localSheetId="1">#REF!</definedName>
    <definedName name="栃木県09">#REF!</definedName>
    <definedName name="奈良県29" localSheetId="1">#REF!</definedName>
    <definedName name="奈良県29">#REF!</definedName>
    <definedName name="富山県16" localSheetId="1">#REF!</definedName>
    <definedName name="富山県16">#REF!</definedName>
    <definedName name="福井県18" localSheetId="1">#REF!</definedName>
    <definedName name="福井県18">#REF!</definedName>
    <definedName name="福岡県40" localSheetId="1">#REF!</definedName>
    <definedName name="福岡県40">#REF!</definedName>
    <definedName name="福島県07" localSheetId="1">#REF!</definedName>
    <definedName name="福島県07">#REF!</definedName>
    <definedName name="兵庫県28" localSheetId="1">#REF!</definedName>
    <definedName name="兵庫県28">#REF!</definedName>
    <definedName name="北海道01" localSheetId="1">#REF!</definedName>
    <definedName name="北海道01">#REF!</definedName>
    <definedName name="和歌山県30" localSheetId="1">#REF!</definedName>
    <definedName name="和歌山県30">#REF!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166" uniqueCount="925">
  <si>
    <t>ドロップダウンリストのもと（発信時にはシートごと非表示にする）</t>
    <rPh sb="14" eb="17">
      <t>ハッシンジ</t>
    </rPh>
    <rPh sb="24" eb="27">
      <t>ヒヒョウジ</t>
    </rPh>
    <phoneticPr fontId="1"/>
  </si>
  <si>
    <t>01北海道</t>
    <phoneticPr fontId="1"/>
  </si>
  <si>
    <t>02青森県</t>
    <phoneticPr fontId="1"/>
  </si>
  <si>
    <t>03岩手県</t>
    <phoneticPr fontId="1"/>
  </si>
  <si>
    <t>04宮城県</t>
    <phoneticPr fontId="1"/>
  </si>
  <si>
    <t>05秋田県</t>
    <phoneticPr fontId="1"/>
  </si>
  <si>
    <t>06山形県</t>
    <phoneticPr fontId="1"/>
  </si>
  <si>
    <t>07福島県</t>
    <phoneticPr fontId="1"/>
  </si>
  <si>
    <t>08茨城県</t>
    <phoneticPr fontId="1"/>
  </si>
  <si>
    <t>09栃木県</t>
    <phoneticPr fontId="1"/>
  </si>
  <si>
    <t>10群馬県</t>
    <phoneticPr fontId="1"/>
  </si>
  <si>
    <t>11埼玉県</t>
    <phoneticPr fontId="1"/>
  </si>
  <si>
    <t>12千葉県</t>
    <phoneticPr fontId="1"/>
  </si>
  <si>
    <t>13東京都</t>
    <phoneticPr fontId="1"/>
  </si>
  <si>
    <t>14神奈川県</t>
    <phoneticPr fontId="1"/>
  </si>
  <si>
    <t>15新潟県</t>
    <phoneticPr fontId="1"/>
  </si>
  <si>
    <t>16富山県</t>
    <phoneticPr fontId="1"/>
  </si>
  <si>
    <t>17石川県</t>
    <phoneticPr fontId="1"/>
  </si>
  <si>
    <t>18福井県</t>
    <phoneticPr fontId="1"/>
  </si>
  <si>
    <t>19山梨県</t>
    <phoneticPr fontId="1"/>
  </si>
  <si>
    <t>20長野県</t>
    <phoneticPr fontId="1"/>
  </si>
  <si>
    <t>21岐阜県</t>
    <phoneticPr fontId="1"/>
  </si>
  <si>
    <t>22静岡県</t>
    <phoneticPr fontId="1"/>
  </si>
  <si>
    <t>23愛知県</t>
    <phoneticPr fontId="1"/>
  </si>
  <si>
    <t>24三重県</t>
    <phoneticPr fontId="1"/>
  </si>
  <si>
    <t>25滋賀県</t>
    <phoneticPr fontId="1"/>
  </si>
  <si>
    <t>26京都府</t>
    <phoneticPr fontId="1"/>
  </si>
  <si>
    <t>27大阪府</t>
    <phoneticPr fontId="1"/>
  </si>
  <si>
    <t>28兵庫県</t>
    <phoneticPr fontId="1"/>
  </si>
  <si>
    <t>29奈良県</t>
    <phoneticPr fontId="1"/>
  </si>
  <si>
    <t>30和歌山県</t>
    <phoneticPr fontId="1"/>
  </si>
  <si>
    <t>31鳥取県</t>
    <phoneticPr fontId="1"/>
  </si>
  <si>
    <t>32島根県</t>
    <phoneticPr fontId="1"/>
  </si>
  <si>
    <t>33岡山県</t>
    <phoneticPr fontId="1"/>
  </si>
  <si>
    <t>34広島県</t>
    <phoneticPr fontId="1"/>
  </si>
  <si>
    <t>35山口県</t>
    <phoneticPr fontId="1"/>
  </si>
  <si>
    <t>36徳島県</t>
    <phoneticPr fontId="1"/>
  </si>
  <si>
    <t>37香川県</t>
    <phoneticPr fontId="1"/>
  </si>
  <si>
    <t>38愛媛県</t>
    <phoneticPr fontId="1"/>
  </si>
  <si>
    <t>39高知県</t>
    <phoneticPr fontId="1"/>
  </si>
  <si>
    <t>40福岡県</t>
    <phoneticPr fontId="1"/>
  </si>
  <si>
    <t>41佐賀県</t>
    <phoneticPr fontId="1"/>
  </si>
  <si>
    <t>42長崎県</t>
    <phoneticPr fontId="1"/>
  </si>
  <si>
    <t>43熊本県</t>
    <phoneticPr fontId="1"/>
  </si>
  <si>
    <t>44大分県</t>
    <phoneticPr fontId="1"/>
  </si>
  <si>
    <t>45宮崎県</t>
    <phoneticPr fontId="1"/>
  </si>
  <si>
    <t>46鹿児島県</t>
    <phoneticPr fontId="1"/>
  </si>
  <si>
    <t>47沖縄県</t>
    <phoneticPr fontId="1"/>
  </si>
  <si>
    <t>101 南渡島</t>
    <phoneticPr fontId="1"/>
  </si>
  <si>
    <t>201 津軽地域</t>
    <phoneticPr fontId="1"/>
  </si>
  <si>
    <t>301 盛岡</t>
    <phoneticPr fontId="1"/>
  </si>
  <si>
    <t>401 仙南</t>
    <phoneticPr fontId="1"/>
  </si>
  <si>
    <t>501 大館・鹿角</t>
    <phoneticPr fontId="1"/>
  </si>
  <si>
    <t>601 村山</t>
    <phoneticPr fontId="1"/>
  </si>
  <si>
    <t>701 県北</t>
    <phoneticPr fontId="1"/>
  </si>
  <si>
    <t>801 水戸</t>
    <phoneticPr fontId="1"/>
  </si>
  <si>
    <t>901 県北</t>
    <phoneticPr fontId="1"/>
  </si>
  <si>
    <t>1001 前橋</t>
    <phoneticPr fontId="1"/>
  </si>
  <si>
    <t>1101 南部</t>
    <phoneticPr fontId="1"/>
  </si>
  <si>
    <t>1201 千葉</t>
    <phoneticPr fontId="1"/>
  </si>
  <si>
    <t>1301 区中央部</t>
    <phoneticPr fontId="1"/>
  </si>
  <si>
    <t>1404 川崎北部</t>
    <phoneticPr fontId="1"/>
  </si>
  <si>
    <t>1501 下越</t>
    <phoneticPr fontId="1"/>
  </si>
  <si>
    <t>1601 新川</t>
    <phoneticPr fontId="1"/>
  </si>
  <si>
    <t>1701 南加賀</t>
    <phoneticPr fontId="1"/>
  </si>
  <si>
    <t>1801 福井・坂井</t>
    <phoneticPr fontId="1"/>
  </si>
  <si>
    <t>1901 中北</t>
    <phoneticPr fontId="1"/>
  </si>
  <si>
    <t>2001 佐久</t>
    <phoneticPr fontId="1"/>
  </si>
  <si>
    <t>2101 岐阜</t>
    <phoneticPr fontId="1"/>
  </si>
  <si>
    <t>2201 賀茂</t>
    <phoneticPr fontId="1"/>
  </si>
  <si>
    <t>2302 海部</t>
    <phoneticPr fontId="1"/>
  </si>
  <si>
    <t>2401 北勢</t>
    <phoneticPr fontId="1"/>
  </si>
  <si>
    <t>2501 大津</t>
    <phoneticPr fontId="1"/>
  </si>
  <si>
    <t>2601 丹後</t>
    <phoneticPr fontId="1"/>
  </si>
  <si>
    <t>2701 豊能</t>
    <phoneticPr fontId="1"/>
  </si>
  <si>
    <t>2801 神戸</t>
    <phoneticPr fontId="1"/>
  </si>
  <si>
    <t>2901 奈良</t>
    <phoneticPr fontId="1"/>
  </si>
  <si>
    <t>3001 和歌山</t>
    <phoneticPr fontId="1"/>
  </si>
  <si>
    <t>3101 東部</t>
    <phoneticPr fontId="1"/>
  </si>
  <si>
    <t>3201 松江</t>
    <phoneticPr fontId="1"/>
  </si>
  <si>
    <t>3301 県南東部</t>
    <phoneticPr fontId="1"/>
  </si>
  <si>
    <t>3401 広島</t>
    <phoneticPr fontId="1"/>
  </si>
  <si>
    <t>3501 岩国</t>
    <phoneticPr fontId="1"/>
  </si>
  <si>
    <t>3601 東部</t>
    <phoneticPr fontId="1"/>
  </si>
  <si>
    <t>3702 小豆</t>
    <phoneticPr fontId="1"/>
  </si>
  <si>
    <t>3801 宇摩</t>
    <phoneticPr fontId="1"/>
  </si>
  <si>
    <t>3901 安芸</t>
    <phoneticPr fontId="1"/>
  </si>
  <si>
    <t>4001 福岡・糸島</t>
    <phoneticPr fontId="1"/>
  </si>
  <si>
    <t>4101 中部</t>
    <phoneticPr fontId="1"/>
  </si>
  <si>
    <t>4201 長崎</t>
    <phoneticPr fontId="1"/>
  </si>
  <si>
    <t>4302 宇城</t>
    <phoneticPr fontId="1"/>
  </si>
  <si>
    <t>4401 東部</t>
    <phoneticPr fontId="1"/>
  </si>
  <si>
    <t>4501 宮崎東諸県</t>
    <phoneticPr fontId="1"/>
  </si>
  <si>
    <t>4601 鹿児島</t>
    <phoneticPr fontId="1"/>
  </si>
  <si>
    <t>4701 北部</t>
    <phoneticPr fontId="1"/>
  </si>
  <si>
    <t>102 南檜山</t>
    <phoneticPr fontId="1"/>
  </si>
  <si>
    <t>202 八戸地域</t>
    <phoneticPr fontId="1"/>
  </si>
  <si>
    <t>302 岩手中部</t>
    <phoneticPr fontId="1"/>
  </si>
  <si>
    <t>403 仙台</t>
    <phoneticPr fontId="1"/>
  </si>
  <si>
    <t>502 北秋田</t>
    <phoneticPr fontId="1"/>
  </si>
  <si>
    <t>602 最上</t>
    <phoneticPr fontId="1"/>
  </si>
  <si>
    <t>702 県中</t>
    <phoneticPr fontId="1"/>
  </si>
  <si>
    <t>802 日立</t>
    <phoneticPr fontId="1"/>
  </si>
  <si>
    <t>902 県西</t>
    <phoneticPr fontId="1"/>
  </si>
  <si>
    <t>1002 渋川</t>
    <phoneticPr fontId="1"/>
  </si>
  <si>
    <t>1102 南西部</t>
    <phoneticPr fontId="1"/>
  </si>
  <si>
    <t>1202 東葛南部</t>
    <phoneticPr fontId="1"/>
  </si>
  <si>
    <t>1302 区南部</t>
    <phoneticPr fontId="1"/>
  </si>
  <si>
    <t>1405 川崎南部</t>
    <phoneticPr fontId="1"/>
  </si>
  <si>
    <t>1502 新潟</t>
    <phoneticPr fontId="1"/>
  </si>
  <si>
    <t>1602 富山</t>
    <phoneticPr fontId="1"/>
  </si>
  <si>
    <t>1702 石川中央</t>
    <phoneticPr fontId="1"/>
  </si>
  <si>
    <t>1802 奥越</t>
    <phoneticPr fontId="1"/>
  </si>
  <si>
    <t>1902 峡東</t>
    <phoneticPr fontId="1"/>
  </si>
  <si>
    <t>2002 上小</t>
    <phoneticPr fontId="1"/>
  </si>
  <si>
    <t>2102 西濃</t>
    <phoneticPr fontId="1"/>
  </si>
  <si>
    <t>2202 熱海伊東</t>
    <phoneticPr fontId="1"/>
  </si>
  <si>
    <t>2304 尾張東部</t>
    <phoneticPr fontId="1"/>
  </si>
  <si>
    <t>2402 中勢伊賀</t>
    <phoneticPr fontId="1"/>
  </si>
  <si>
    <t>2502 湖南</t>
    <phoneticPr fontId="1"/>
  </si>
  <si>
    <t>2602 中丹</t>
    <phoneticPr fontId="1"/>
  </si>
  <si>
    <t>2702 三島</t>
    <phoneticPr fontId="1"/>
  </si>
  <si>
    <t>2804 東播磨</t>
    <phoneticPr fontId="1"/>
  </si>
  <si>
    <t>2902 東和</t>
    <phoneticPr fontId="1"/>
  </si>
  <si>
    <t>3002 那賀</t>
    <phoneticPr fontId="1"/>
  </si>
  <si>
    <t>3102 中部</t>
    <phoneticPr fontId="1"/>
  </si>
  <si>
    <t>3202 雲南</t>
    <phoneticPr fontId="1"/>
  </si>
  <si>
    <t>3302 県南西部</t>
    <phoneticPr fontId="1"/>
  </si>
  <si>
    <t>3402 広島西</t>
    <phoneticPr fontId="1"/>
  </si>
  <si>
    <t>3502 柳井</t>
    <phoneticPr fontId="1"/>
  </si>
  <si>
    <t>3603 南部</t>
    <phoneticPr fontId="1"/>
  </si>
  <si>
    <t>3706 東部</t>
    <phoneticPr fontId="1"/>
  </si>
  <si>
    <t>3802 新居浜・西条</t>
    <phoneticPr fontId="1"/>
  </si>
  <si>
    <t>3902 中央</t>
    <phoneticPr fontId="1"/>
  </si>
  <si>
    <t>4002 粕屋</t>
    <phoneticPr fontId="1"/>
  </si>
  <si>
    <t>4102 東部</t>
    <phoneticPr fontId="1"/>
  </si>
  <si>
    <t>4202 佐世保県北</t>
    <phoneticPr fontId="1"/>
  </si>
  <si>
    <t>4303 有明</t>
    <phoneticPr fontId="1"/>
  </si>
  <si>
    <t>4403 中部</t>
    <phoneticPr fontId="1"/>
  </si>
  <si>
    <t>4502 都城北諸県</t>
    <phoneticPr fontId="1"/>
  </si>
  <si>
    <t>4603 南薩</t>
    <phoneticPr fontId="1"/>
  </si>
  <si>
    <t>4702 中部</t>
    <phoneticPr fontId="1"/>
  </si>
  <si>
    <t>103 北渡島檜山</t>
    <phoneticPr fontId="1"/>
  </si>
  <si>
    <t>203 青森地域</t>
    <phoneticPr fontId="1"/>
  </si>
  <si>
    <t>303 胆江</t>
    <phoneticPr fontId="1"/>
  </si>
  <si>
    <t>406 大崎・栗原</t>
    <phoneticPr fontId="1"/>
  </si>
  <si>
    <t>503 能代・山本</t>
    <phoneticPr fontId="1"/>
  </si>
  <si>
    <t>603 置賜</t>
    <phoneticPr fontId="1"/>
  </si>
  <si>
    <t>703 県南</t>
    <phoneticPr fontId="1"/>
  </si>
  <si>
    <t>803 常陸太田・ひたちなか</t>
    <phoneticPr fontId="1"/>
  </si>
  <si>
    <t>903 宇都宮</t>
    <phoneticPr fontId="1"/>
  </si>
  <si>
    <t>1003 伊勢崎</t>
    <phoneticPr fontId="1"/>
  </si>
  <si>
    <t>1103 東部</t>
    <phoneticPr fontId="1"/>
  </si>
  <si>
    <t>1203 東葛北部</t>
    <phoneticPr fontId="1"/>
  </si>
  <si>
    <t>1303 区西南部</t>
    <phoneticPr fontId="1"/>
  </si>
  <si>
    <t>1406 横須賀・三浦</t>
    <phoneticPr fontId="1"/>
  </si>
  <si>
    <t>1503 県央</t>
    <phoneticPr fontId="1"/>
  </si>
  <si>
    <t>1603 高岡</t>
    <phoneticPr fontId="1"/>
  </si>
  <si>
    <t>1703 能登中部</t>
    <phoneticPr fontId="1"/>
  </si>
  <si>
    <t>1803 丹南</t>
    <phoneticPr fontId="1"/>
  </si>
  <si>
    <t>1903 峡南</t>
    <phoneticPr fontId="1"/>
  </si>
  <si>
    <t>2003 諏訪</t>
    <phoneticPr fontId="1"/>
  </si>
  <si>
    <t>2103 中濃</t>
    <phoneticPr fontId="1"/>
  </si>
  <si>
    <t>2203 駿東田方</t>
    <phoneticPr fontId="1"/>
  </si>
  <si>
    <t>2305 尾張西部</t>
    <phoneticPr fontId="1"/>
  </si>
  <si>
    <t>2403 南勢志摩</t>
    <phoneticPr fontId="1"/>
  </si>
  <si>
    <t>2503 甲賀</t>
    <phoneticPr fontId="1"/>
  </si>
  <si>
    <t>2603 南丹</t>
    <phoneticPr fontId="1"/>
  </si>
  <si>
    <t>2703 北河内</t>
    <phoneticPr fontId="1"/>
  </si>
  <si>
    <t>2805 北播磨</t>
    <phoneticPr fontId="1"/>
  </si>
  <si>
    <t>2903 西和</t>
    <phoneticPr fontId="1"/>
  </si>
  <si>
    <t>3003 橋本</t>
    <phoneticPr fontId="1"/>
  </si>
  <si>
    <t>3103 西部</t>
    <phoneticPr fontId="1"/>
  </si>
  <si>
    <t>3203 出雲</t>
    <phoneticPr fontId="1"/>
  </si>
  <si>
    <t>3303 高梁・新見</t>
    <phoneticPr fontId="1"/>
  </si>
  <si>
    <t>3403 呉</t>
    <phoneticPr fontId="1"/>
  </si>
  <si>
    <t>3503 周南</t>
    <phoneticPr fontId="1"/>
  </si>
  <si>
    <t>3605 西部</t>
    <phoneticPr fontId="1"/>
  </si>
  <si>
    <t>3707 西部</t>
    <phoneticPr fontId="1"/>
  </si>
  <si>
    <t>3803 今治</t>
    <phoneticPr fontId="1"/>
  </si>
  <si>
    <t>3903 高幡</t>
    <phoneticPr fontId="1"/>
  </si>
  <si>
    <t>4003 宗像</t>
    <phoneticPr fontId="1"/>
  </si>
  <si>
    <t>4103 北部</t>
    <phoneticPr fontId="1"/>
  </si>
  <si>
    <t>4203 県央</t>
    <phoneticPr fontId="1"/>
  </si>
  <si>
    <t>4304 鹿本</t>
    <phoneticPr fontId="1"/>
  </si>
  <si>
    <t>4405 南部</t>
    <phoneticPr fontId="1"/>
  </si>
  <si>
    <t>4503 延岡西臼杵</t>
    <phoneticPr fontId="1"/>
  </si>
  <si>
    <t>4605 川薩</t>
    <phoneticPr fontId="1"/>
  </si>
  <si>
    <t>4703 南部</t>
    <phoneticPr fontId="1"/>
  </si>
  <si>
    <t>104 札幌</t>
    <phoneticPr fontId="1"/>
  </si>
  <si>
    <t>204 西北五地域</t>
    <phoneticPr fontId="1"/>
  </si>
  <si>
    <t>304 両磐</t>
    <phoneticPr fontId="1"/>
  </si>
  <si>
    <t>409 石巻・登米・気仙沼</t>
    <phoneticPr fontId="1"/>
  </si>
  <si>
    <t>504 秋田周辺</t>
    <phoneticPr fontId="1"/>
  </si>
  <si>
    <t>604 庄内</t>
    <phoneticPr fontId="1"/>
  </si>
  <si>
    <t>706 相双</t>
    <phoneticPr fontId="1"/>
  </si>
  <si>
    <t>804 鹿行</t>
    <phoneticPr fontId="1"/>
  </si>
  <si>
    <t>904 県東</t>
    <phoneticPr fontId="1"/>
  </si>
  <si>
    <t>1004 高崎・安中</t>
    <phoneticPr fontId="1"/>
  </si>
  <si>
    <t>1104 さいたま</t>
    <phoneticPr fontId="1"/>
  </si>
  <si>
    <t>1204 印旛</t>
    <phoneticPr fontId="1"/>
  </si>
  <si>
    <t>1304 区西部</t>
    <phoneticPr fontId="1"/>
  </si>
  <si>
    <t>1407 湘南東部</t>
    <phoneticPr fontId="1"/>
  </si>
  <si>
    <t>1504 中越</t>
    <phoneticPr fontId="1"/>
  </si>
  <si>
    <t>1604 砺波</t>
    <phoneticPr fontId="1"/>
  </si>
  <si>
    <t>1704 能登北部</t>
    <phoneticPr fontId="1"/>
  </si>
  <si>
    <t>1804 嶺南</t>
    <phoneticPr fontId="1"/>
  </si>
  <si>
    <t>1904 富士・東部</t>
    <phoneticPr fontId="1"/>
  </si>
  <si>
    <t>2004 上伊那</t>
    <phoneticPr fontId="1"/>
  </si>
  <si>
    <t>2104 東濃</t>
    <phoneticPr fontId="1"/>
  </si>
  <si>
    <t>2204 富士</t>
    <phoneticPr fontId="1"/>
  </si>
  <si>
    <t>2306 尾張北部</t>
    <phoneticPr fontId="1"/>
  </si>
  <si>
    <t>2404 東紀州</t>
    <phoneticPr fontId="1"/>
  </si>
  <si>
    <t>2504 東近江</t>
    <phoneticPr fontId="1"/>
  </si>
  <si>
    <t>2604 京都・乙訓</t>
    <phoneticPr fontId="1"/>
  </si>
  <si>
    <t>2704 中河内</t>
    <phoneticPr fontId="1"/>
  </si>
  <si>
    <t>2808 但馬</t>
    <phoneticPr fontId="1"/>
  </si>
  <si>
    <t>2904 中和</t>
    <phoneticPr fontId="1"/>
  </si>
  <si>
    <t>3004 有田</t>
    <phoneticPr fontId="1"/>
  </si>
  <si>
    <t>3204 大田</t>
    <phoneticPr fontId="1"/>
  </si>
  <si>
    <t>3304 真庭</t>
    <phoneticPr fontId="1"/>
  </si>
  <si>
    <t>3404 広島中央</t>
    <phoneticPr fontId="1"/>
  </si>
  <si>
    <t>3504 山口・防府</t>
    <phoneticPr fontId="1"/>
  </si>
  <si>
    <t>3804 松山</t>
    <phoneticPr fontId="1"/>
  </si>
  <si>
    <t>3904 幡多</t>
    <phoneticPr fontId="1"/>
  </si>
  <si>
    <t>4004 筑紫</t>
    <phoneticPr fontId="1"/>
  </si>
  <si>
    <t>4104 西部</t>
    <phoneticPr fontId="1"/>
  </si>
  <si>
    <t>4204 県南</t>
    <phoneticPr fontId="1"/>
  </si>
  <si>
    <t>4305 菊池</t>
    <phoneticPr fontId="1"/>
  </si>
  <si>
    <t>4406 豊肥</t>
    <phoneticPr fontId="1"/>
  </si>
  <si>
    <t>4504 日南串間</t>
    <phoneticPr fontId="1"/>
  </si>
  <si>
    <t>4606 出水</t>
    <phoneticPr fontId="1"/>
  </si>
  <si>
    <t>4704 宮古</t>
    <phoneticPr fontId="1"/>
  </si>
  <si>
    <t>105 後志</t>
    <phoneticPr fontId="1"/>
  </si>
  <si>
    <t>205 上十三地域</t>
    <phoneticPr fontId="1"/>
  </si>
  <si>
    <t>305 気仙</t>
    <phoneticPr fontId="1"/>
  </si>
  <si>
    <t>505 由利本荘・にかほ</t>
    <phoneticPr fontId="1"/>
  </si>
  <si>
    <t>707 いわき</t>
    <phoneticPr fontId="1"/>
  </si>
  <si>
    <t>805 土浦</t>
    <phoneticPr fontId="1"/>
  </si>
  <si>
    <t>905 県南</t>
    <phoneticPr fontId="1"/>
  </si>
  <si>
    <t>1005 藤岡</t>
    <phoneticPr fontId="1"/>
  </si>
  <si>
    <t>1105 県央</t>
    <phoneticPr fontId="1"/>
  </si>
  <si>
    <t>1205 香取海匝</t>
    <phoneticPr fontId="1"/>
  </si>
  <si>
    <t>1305 区西北部</t>
    <phoneticPr fontId="1"/>
  </si>
  <si>
    <t>1408 湘南西部</t>
    <phoneticPr fontId="1"/>
  </si>
  <si>
    <t>1505 魚沼</t>
    <phoneticPr fontId="1"/>
  </si>
  <si>
    <t>2005 飯伊</t>
    <phoneticPr fontId="1"/>
  </si>
  <si>
    <t>2105 飛騨</t>
    <phoneticPr fontId="1"/>
  </si>
  <si>
    <t>2205 静岡</t>
    <phoneticPr fontId="1"/>
  </si>
  <si>
    <t>2307 知多半島</t>
    <phoneticPr fontId="1"/>
  </si>
  <si>
    <t>2505 湖東</t>
    <phoneticPr fontId="1"/>
  </si>
  <si>
    <t>2605 山城北</t>
    <phoneticPr fontId="1"/>
  </si>
  <si>
    <t>2705 南河内</t>
    <phoneticPr fontId="1"/>
  </si>
  <si>
    <t>2809 丹波</t>
    <phoneticPr fontId="1"/>
  </si>
  <si>
    <t>2905 南和</t>
    <phoneticPr fontId="1"/>
  </si>
  <si>
    <t>3005 御坊</t>
    <phoneticPr fontId="1"/>
  </si>
  <si>
    <t>3205 浜田</t>
    <phoneticPr fontId="1"/>
  </si>
  <si>
    <t>3305 津山・英田</t>
    <phoneticPr fontId="1"/>
  </si>
  <si>
    <t>3405 尾三</t>
    <phoneticPr fontId="1"/>
  </si>
  <si>
    <t>3505 宇部・小野田</t>
    <phoneticPr fontId="1"/>
  </si>
  <si>
    <t>3805 八幡浜・大洲</t>
    <phoneticPr fontId="1"/>
  </si>
  <si>
    <t>4005 朝倉</t>
    <phoneticPr fontId="1"/>
  </si>
  <si>
    <t>4105 南部</t>
    <phoneticPr fontId="1"/>
  </si>
  <si>
    <t>4206 五島</t>
    <phoneticPr fontId="1"/>
  </si>
  <si>
    <t>4306 阿蘇</t>
    <phoneticPr fontId="1"/>
  </si>
  <si>
    <t>4408 西部</t>
    <phoneticPr fontId="1"/>
  </si>
  <si>
    <t>4505 西諸</t>
    <phoneticPr fontId="1"/>
  </si>
  <si>
    <t>4607 姶良・伊佐</t>
    <phoneticPr fontId="1"/>
  </si>
  <si>
    <t>4705 八重山</t>
    <phoneticPr fontId="1"/>
  </si>
  <si>
    <t>106 南空知</t>
    <phoneticPr fontId="1"/>
  </si>
  <si>
    <t>206 下北地域</t>
    <phoneticPr fontId="1"/>
  </si>
  <si>
    <t>306 釜石</t>
    <phoneticPr fontId="1"/>
  </si>
  <si>
    <t>506 大仙・仙北</t>
    <phoneticPr fontId="1"/>
  </si>
  <si>
    <t>708 会津・南会津</t>
    <phoneticPr fontId="1"/>
  </si>
  <si>
    <t>806 つくば</t>
    <phoneticPr fontId="1"/>
  </si>
  <si>
    <t>906 両毛</t>
    <phoneticPr fontId="1"/>
  </si>
  <si>
    <t>1006 富岡</t>
    <phoneticPr fontId="1"/>
  </si>
  <si>
    <t>1106 川越比企</t>
    <phoneticPr fontId="1"/>
  </si>
  <si>
    <t>1206 山武長生夷隅</t>
    <phoneticPr fontId="1"/>
  </si>
  <si>
    <t>1306 区東北部</t>
    <phoneticPr fontId="1"/>
  </si>
  <si>
    <t>1409 県央</t>
    <phoneticPr fontId="1"/>
  </si>
  <si>
    <t>1506 上越</t>
    <phoneticPr fontId="1"/>
  </si>
  <si>
    <t>2006 木曽</t>
    <phoneticPr fontId="1"/>
  </si>
  <si>
    <t>2206 志太榛原</t>
    <phoneticPr fontId="1"/>
  </si>
  <si>
    <t>2308 西三河北部</t>
    <phoneticPr fontId="1"/>
  </si>
  <si>
    <t>2506 湖北</t>
    <phoneticPr fontId="1"/>
  </si>
  <si>
    <t>2606 山城南</t>
    <phoneticPr fontId="1"/>
  </si>
  <si>
    <t>2706 堺市</t>
    <phoneticPr fontId="1"/>
  </si>
  <si>
    <t>2810 淡路</t>
    <phoneticPr fontId="1"/>
  </si>
  <si>
    <t>3006 田辺</t>
    <phoneticPr fontId="1"/>
  </si>
  <si>
    <t>3206 益田</t>
    <phoneticPr fontId="1"/>
  </si>
  <si>
    <t>3406 福山・府中</t>
    <phoneticPr fontId="1"/>
  </si>
  <si>
    <t>3506 下関</t>
    <phoneticPr fontId="1"/>
  </si>
  <si>
    <t>3806 宇和島</t>
    <phoneticPr fontId="1"/>
  </si>
  <si>
    <t>4006 久留米</t>
    <phoneticPr fontId="1"/>
  </si>
  <si>
    <t>4207 上五島</t>
    <phoneticPr fontId="1"/>
  </si>
  <si>
    <t>4308 八代</t>
    <phoneticPr fontId="1"/>
  </si>
  <si>
    <t>4409 北部</t>
    <phoneticPr fontId="1"/>
  </si>
  <si>
    <t>4506 西都児湯</t>
    <phoneticPr fontId="1"/>
  </si>
  <si>
    <t>4609 曽於</t>
    <phoneticPr fontId="1"/>
  </si>
  <si>
    <t>107 中空知</t>
    <phoneticPr fontId="1"/>
  </si>
  <si>
    <t>307 宮古</t>
    <phoneticPr fontId="1"/>
  </si>
  <si>
    <t>507 横手</t>
    <phoneticPr fontId="1"/>
  </si>
  <si>
    <t>807 取手・竜ヶ崎</t>
    <phoneticPr fontId="1"/>
  </si>
  <si>
    <t>1007 吾妻</t>
    <phoneticPr fontId="1"/>
  </si>
  <si>
    <t>1107 西部</t>
    <phoneticPr fontId="1"/>
  </si>
  <si>
    <t>1207 安房</t>
    <phoneticPr fontId="1"/>
  </si>
  <si>
    <t>1307 区東部</t>
    <phoneticPr fontId="1"/>
  </si>
  <si>
    <t>1410 相模原</t>
    <phoneticPr fontId="1"/>
  </si>
  <si>
    <t>1507 佐渡</t>
    <phoneticPr fontId="1"/>
  </si>
  <si>
    <t>2007 松本</t>
    <phoneticPr fontId="1"/>
  </si>
  <si>
    <t>2207 中東遠</t>
    <phoneticPr fontId="1"/>
  </si>
  <si>
    <t>2309 西三河南部西</t>
    <phoneticPr fontId="1"/>
  </si>
  <si>
    <t>2507 湖西</t>
    <phoneticPr fontId="1"/>
  </si>
  <si>
    <t>2707 泉州</t>
    <phoneticPr fontId="1"/>
  </si>
  <si>
    <t>2811 阪神</t>
    <phoneticPr fontId="1"/>
  </si>
  <si>
    <t>3007 新宮</t>
    <phoneticPr fontId="1"/>
  </si>
  <si>
    <t>3207 隠岐</t>
    <phoneticPr fontId="1"/>
  </si>
  <si>
    <t>3407 備北</t>
    <phoneticPr fontId="1"/>
  </si>
  <si>
    <t>3507 長門</t>
    <phoneticPr fontId="1"/>
  </si>
  <si>
    <t>4007 八女・筑後</t>
    <phoneticPr fontId="1"/>
  </si>
  <si>
    <t>4208 壱岐</t>
    <phoneticPr fontId="1"/>
  </si>
  <si>
    <t>4309 芦北</t>
    <phoneticPr fontId="1"/>
  </si>
  <si>
    <t>4507 日向入郷</t>
    <phoneticPr fontId="1"/>
  </si>
  <si>
    <t>4610 肝属</t>
    <phoneticPr fontId="1"/>
  </si>
  <si>
    <t>108 北空知</t>
    <phoneticPr fontId="1"/>
  </si>
  <si>
    <t>308 久慈</t>
    <phoneticPr fontId="1"/>
  </si>
  <si>
    <t>508 湯沢・雄勝</t>
    <phoneticPr fontId="1"/>
  </si>
  <si>
    <t>808 筑西・下妻</t>
    <phoneticPr fontId="1"/>
  </si>
  <si>
    <t>1008 沼田</t>
    <phoneticPr fontId="1"/>
  </si>
  <si>
    <t>1108 利根</t>
    <phoneticPr fontId="1"/>
  </si>
  <si>
    <t>1208 君津</t>
    <phoneticPr fontId="1"/>
  </si>
  <si>
    <t>1308 西多摩</t>
    <phoneticPr fontId="1"/>
  </si>
  <si>
    <t>1411 県西</t>
    <phoneticPr fontId="1"/>
  </si>
  <si>
    <t>2008 大北</t>
    <phoneticPr fontId="1"/>
  </si>
  <si>
    <t>2208 西部</t>
    <phoneticPr fontId="1"/>
  </si>
  <si>
    <t>2310 西三河南部東</t>
    <phoneticPr fontId="1"/>
  </si>
  <si>
    <t>2708 大阪市</t>
    <phoneticPr fontId="1"/>
  </si>
  <si>
    <t>2812 播磨姫路</t>
    <phoneticPr fontId="1"/>
  </si>
  <si>
    <t>3508 萩</t>
    <phoneticPr fontId="1"/>
  </si>
  <si>
    <t>4008 有明</t>
    <phoneticPr fontId="1"/>
  </si>
  <si>
    <t>4209 対馬</t>
    <phoneticPr fontId="1"/>
  </si>
  <si>
    <t>4310 球磨</t>
    <phoneticPr fontId="1"/>
  </si>
  <si>
    <t>4611 熊毛</t>
    <phoneticPr fontId="1"/>
  </si>
  <si>
    <t>109 西胆振</t>
    <phoneticPr fontId="1"/>
  </si>
  <si>
    <t>309 二戸</t>
    <phoneticPr fontId="1"/>
  </si>
  <si>
    <t>809 古河・坂東</t>
    <phoneticPr fontId="1"/>
  </si>
  <si>
    <t>1009 桐生</t>
    <phoneticPr fontId="1"/>
  </si>
  <si>
    <t>1109 北部</t>
    <phoneticPr fontId="1"/>
  </si>
  <si>
    <t>1209 市原</t>
    <phoneticPr fontId="1"/>
  </si>
  <si>
    <t>1309 南多摩</t>
    <phoneticPr fontId="1"/>
  </si>
  <si>
    <t>1412 横浜</t>
    <phoneticPr fontId="1"/>
  </si>
  <si>
    <t>2009 長野</t>
    <phoneticPr fontId="1"/>
  </si>
  <si>
    <t>2311 東三河北部</t>
    <phoneticPr fontId="1"/>
  </si>
  <si>
    <t>4009 飯塚</t>
    <phoneticPr fontId="1"/>
  </si>
  <si>
    <t>4311 天草</t>
    <phoneticPr fontId="1"/>
  </si>
  <si>
    <t>4612 奄美</t>
    <phoneticPr fontId="1"/>
  </si>
  <si>
    <t>110 東胆振</t>
    <phoneticPr fontId="1"/>
  </si>
  <si>
    <t>1010 太田・館林</t>
    <phoneticPr fontId="1"/>
  </si>
  <si>
    <t>1110 秩父</t>
    <phoneticPr fontId="1"/>
  </si>
  <si>
    <t>1310 北多摩西部</t>
    <phoneticPr fontId="1"/>
  </si>
  <si>
    <t>2010 北信</t>
    <phoneticPr fontId="1"/>
  </si>
  <si>
    <t>2312 東三河南部</t>
    <phoneticPr fontId="1"/>
  </si>
  <si>
    <t>4010 直方・鞍手</t>
    <phoneticPr fontId="1"/>
  </si>
  <si>
    <t>4312 熊本・上益城</t>
    <phoneticPr fontId="1"/>
  </si>
  <si>
    <t>111 日高</t>
    <phoneticPr fontId="1"/>
  </si>
  <si>
    <t>1311 北多摩南部</t>
    <phoneticPr fontId="1"/>
  </si>
  <si>
    <t>2313 名古屋・尾張中部</t>
    <phoneticPr fontId="1"/>
  </si>
  <si>
    <t>4011 田川</t>
    <phoneticPr fontId="1"/>
  </si>
  <si>
    <t>112 上川中部</t>
    <phoneticPr fontId="1"/>
  </si>
  <si>
    <t>1312 北多摩北部</t>
    <phoneticPr fontId="1"/>
  </si>
  <si>
    <t>4012 北九州</t>
    <phoneticPr fontId="1"/>
  </si>
  <si>
    <t>113 上川北部</t>
    <phoneticPr fontId="1"/>
  </si>
  <si>
    <t>1313 島しょ</t>
    <phoneticPr fontId="1"/>
  </si>
  <si>
    <t>4013 京築</t>
    <phoneticPr fontId="1"/>
  </si>
  <si>
    <t>114 富良野</t>
    <phoneticPr fontId="1"/>
  </si>
  <si>
    <t>115 留萌</t>
    <phoneticPr fontId="1"/>
  </si>
  <si>
    <t>116 宗谷</t>
    <phoneticPr fontId="1"/>
  </si>
  <si>
    <t>117 北網</t>
    <phoneticPr fontId="1"/>
  </si>
  <si>
    <t>118 遠紋</t>
    <phoneticPr fontId="1"/>
  </si>
  <si>
    <t>119 十勝</t>
    <phoneticPr fontId="1"/>
  </si>
  <si>
    <t>120 釧路</t>
    <phoneticPr fontId="1"/>
  </si>
  <si>
    <t>121 根室</t>
    <phoneticPr fontId="1"/>
  </si>
  <si>
    <t>カテゴリー1</t>
    <phoneticPr fontId="1"/>
  </si>
  <si>
    <t>病院</t>
    <phoneticPr fontId="1"/>
  </si>
  <si>
    <t>初期救急医療機関</t>
    <rPh sb="0" eb="2">
      <t>ショキ</t>
    </rPh>
    <rPh sb="2" eb="4">
      <t>キュウキュウ</t>
    </rPh>
    <rPh sb="4" eb="6">
      <t>イリョウ</t>
    </rPh>
    <rPh sb="6" eb="8">
      <t>キカン</t>
    </rPh>
    <phoneticPr fontId="8"/>
  </si>
  <si>
    <t>カテゴリー2</t>
    <phoneticPr fontId="1"/>
  </si>
  <si>
    <t>診療所</t>
    <phoneticPr fontId="1"/>
  </si>
  <si>
    <t>第二次救急医療機関</t>
    <phoneticPr fontId="1"/>
  </si>
  <si>
    <t>カテゴリー1、カテゴリー2</t>
    <phoneticPr fontId="1"/>
  </si>
  <si>
    <t>歯科診療所</t>
    <phoneticPr fontId="1"/>
  </si>
  <si>
    <t>第三次救急医療機関（救命救急センター）</t>
    <phoneticPr fontId="1"/>
  </si>
  <si>
    <t>○</t>
    <phoneticPr fontId="1"/>
  </si>
  <si>
    <t>※は必須</t>
    <rPh sb="2" eb="4">
      <t>ヒッス</t>
    </rPh>
    <phoneticPr fontId="1"/>
  </si>
  <si>
    <r>
      <t xml:space="preserve">都道府県
</t>
    </r>
    <r>
      <rPr>
        <b/>
        <sz val="12"/>
        <color rgb="FFFF0000"/>
        <rFont val="ＭＳ Ｐゴシック"/>
        <family val="3"/>
        <charset val="128"/>
      </rPr>
      <t>※</t>
    </r>
    <rPh sb="0" eb="4">
      <t>トドウフケン</t>
    </rPh>
    <phoneticPr fontId="6"/>
  </si>
  <si>
    <r>
      <t xml:space="preserve">二次医療圏
</t>
    </r>
    <r>
      <rPr>
        <b/>
        <sz val="12"/>
        <color rgb="FFFF0000"/>
        <rFont val="ＭＳ Ｐゴシック"/>
        <family val="3"/>
        <charset val="128"/>
      </rPr>
      <t>※</t>
    </r>
    <rPh sb="0" eb="2">
      <t>ニジ</t>
    </rPh>
    <rPh sb="2" eb="4">
      <t>イリョウ</t>
    </rPh>
    <rPh sb="4" eb="5">
      <t>ケン</t>
    </rPh>
    <phoneticPr fontId="7"/>
  </si>
  <si>
    <r>
      <t xml:space="preserve">医療機関
</t>
    </r>
    <r>
      <rPr>
        <b/>
        <sz val="12"/>
        <color rgb="FFFF0000"/>
        <rFont val="ＭＳ Ｐゴシック"/>
        <family val="3"/>
        <charset val="128"/>
      </rPr>
      <t>※</t>
    </r>
    <phoneticPr fontId="1"/>
  </si>
  <si>
    <r>
      <t xml:space="preserve">医療機関(英語)
</t>
    </r>
    <r>
      <rPr>
        <b/>
        <sz val="12"/>
        <color rgb="FFFF0000"/>
        <rFont val="ＭＳ Ｐゴシック"/>
        <family val="3"/>
        <charset val="128"/>
      </rPr>
      <t>※</t>
    </r>
    <phoneticPr fontId="1"/>
  </si>
  <si>
    <r>
      <t xml:space="preserve">郵便番号
</t>
    </r>
    <r>
      <rPr>
        <b/>
        <sz val="12"/>
        <color rgb="FFFF0000"/>
        <rFont val="ＭＳ Ｐゴシック"/>
        <family val="3"/>
        <charset val="128"/>
      </rPr>
      <t>※</t>
    </r>
    <phoneticPr fontId="1"/>
  </si>
  <si>
    <r>
      <t xml:space="preserve">住所
</t>
    </r>
    <r>
      <rPr>
        <b/>
        <sz val="12"/>
        <color rgb="FFFF0000"/>
        <rFont val="ＭＳ Ｐゴシック"/>
        <family val="3"/>
        <charset val="128"/>
      </rPr>
      <t>※</t>
    </r>
    <phoneticPr fontId="1"/>
  </si>
  <si>
    <r>
      <t xml:space="preserve">住所
(英語)
</t>
    </r>
    <r>
      <rPr>
        <b/>
        <sz val="12"/>
        <color rgb="FFFF0000"/>
        <rFont val="ＭＳ Ｐゴシック"/>
        <family val="3"/>
        <charset val="128"/>
      </rPr>
      <t>※</t>
    </r>
    <phoneticPr fontId="7"/>
  </si>
  <si>
    <r>
      <t xml:space="preserve">電話番号
</t>
    </r>
    <r>
      <rPr>
        <b/>
        <sz val="12"/>
        <color rgb="FFFF0000"/>
        <rFont val="ＭＳ Ｐゴシック"/>
        <family val="3"/>
        <charset val="128"/>
      </rPr>
      <t>※</t>
    </r>
    <phoneticPr fontId="1"/>
  </si>
  <si>
    <r>
      <t xml:space="preserve">受付時間
</t>
    </r>
    <r>
      <rPr>
        <b/>
        <sz val="12"/>
        <color rgb="FFFF0000"/>
        <rFont val="ＭＳ Ｐゴシック"/>
        <family val="3"/>
        <charset val="128"/>
      </rPr>
      <t>※</t>
    </r>
    <phoneticPr fontId="1"/>
  </si>
  <si>
    <t>WEBサイト</t>
  </si>
  <si>
    <r>
      <t xml:space="preserve">対応診療科と対応外国語
</t>
    </r>
    <r>
      <rPr>
        <b/>
        <sz val="12"/>
        <color rgb="FFFF0000"/>
        <rFont val="ＭＳ Ｐゴシック"/>
        <family val="3"/>
        <charset val="128"/>
      </rPr>
      <t>※</t>
    </r>
    <phoneticPr fontId="1"/>
  </si>
  <si>
    <t>利用可能なクレジットカード</t>
  </si>
  <si>
    <t>その他利用可能なキャッシュレスサービス</t>
    <rPh sb="2" eb="3">
      <t>タ</t>
    </rPh>
    <rPh sb="3" eb="5">
      <t>リヨウ</t>
    </rPh>
    <rPh sb="5" eb="7">
      <t>カノウ</t>
    </rPh>
    <phoneticPr fontId="8"/>
  </si>
  <si>
    <r>
      <t xml:space="preserve">２４時間３６５日対応可否
</t>
    </r>
    <r>
      <rPr>
        <b/>
        <sz val="12"/>
        <color rgb="FFFF0000"/>
        <rFont val="ＭＳ Ｐゴシック"/>
        <family val="3"/>
        <charset val="128"/>
      </rPr>
      <t>該当ありに○</t>
    </r>
    <rPh sb="13" eb="15">
      <t>ガイトウ</t>
    </rPh>
    <phoneticPr fontId="1"/>
  </si>
  <si>
    <r>
      <t xml:space="preserve">災害拠点病院
</t>
    </r>
    <r>
      <rPr>
        <b/>
        <sz val="12"/>
        <color rgb="FFFF0000"/>
        <rFont val="ＭＳ Ｐゴシック"/>
        <family val="3"/>
        <charset val="128"/>
      </rPr>
      <t>該当ありに○</t>
    </r>
    <rPh sb="7" eb="9">
      <t>ガイトウ</t>
    </rPh>
    <phoneticPr fontId="1"/>
  </si>
  <si>
    <r>
      <t xml:space="preserve">JMIP
</t>
    </r>
    <r>
      <rPr>
        <b/>
        <sz val="12"/>
        <color rgb="FFFF0000"/>
        <rFont val="ＭＳ Ｐゴシック"/>
        <family val="3"/>
        <charset val="128"/>
      </rPr>
      <t>該当ありに○</t>
    </r>
    <rPh sb="5" eb="7">
      <t>ガイトウ</t>
    </rPh>
    <phoneticPr fontId="1"/>
  </si>
  <si>
    <r>
      <t xml:space="preserve">JIH
</t>
    </r>
    <r>
      <rPr>
        <b/>
        <sz val="12"/>
        <color rgb="FFFF0000"/>
        <rFont val="ＭＳ Ｐゴシック"/>
        <family val="3"/>
        <charset val="128"/>
      </rPr>
      <t>該当ありに○</t>
    </r>
    <rPh sb="4" eb="6">
      <t>ガイトウ</t>
    </rPh>
    <phoneticPr fontId="1"/>
  </si>
  <si>
    <t>都道府県が選出する外国人患者を受け入れる拠点的な医療機関
カテゴリー１：入院を要する救急患者に対応可能な医療機関
カテゴリー２：診療所・歯科診療所も含む外国人患者を受入可能な医療機関</t>
    <rPh sb="0" eb="4">
      <t>トドウフケン</t>
    </rPh>
    <rPh sb="5" eb="7">
      <t>センシュツ</t>
    </rPh>
    <phoneticPr fontId="8"/>
  </si>
  <si>
    <r>
      <t xml:space="preserve">医療機関種別
</t>
    </r>
    <r>
      <rPr>
        <b/>
        <sz val="12"/>
        <color rgb="FFFF0000"/>
        <rFont val="ＭＳ Ｐゴシック"/>
        <family val="3"/>
        <charset val="128"/>
      </rPr>
      <t>※</t>
    </r>
    <phoneticPr fontId="1"/>
  </si>
  <si>
    <t>救急医療体制</t>
    <phoneticPr fontId="1"/>
  </si>
  <si>
    <r>
      <t xml:space="preserve">外国人患者対応の専門部署
</t>
    </r>
    <r>
      <rPr>
        <b/>
        <sz val="12"/>
        <color rgb="FFFF0000"/>
        <rFont val="ＭＳ Ｐゴシック"/>
        <family val="3"/>
        <charset val="128"/>
      </rPr>
      <t>該当ありに○</t>
    </r>
    <rPh sb="13" eb="15">
      <t>ガイトウ</t>
    </rPh>
    <phoneticPr fontId="1"/>
  </si>
  <si>
    <t>対応言語/対応可能日時</t>
  </si>
  <si>
    <r>
      <t xml:space="preserve"> 外国人向け医療コーディネーター
</t>
    </r>
    <r>
      <rPr>
        <b/>
        <sz val="12"/>
        <color rgb="FFFF0000"/>
        <rFont val="ＭＳ Ｐゴシック"/>
        <family val="3"/>
        <charset val="128"/>
      </rPr>
      <t>該当ありに○</t>
    </r>
    <rPh sb="17" eb="19">
      <t>ガイトウ</t>
    </rPh>
    <phoneticPr fontId="1"/>
  </si>
  <si>
    <r>
      <t xml:space="preserve">医療通訳者
</t>
    </r>
    <r>
      <rPr>
        <b/>
        <sz val="12"/>
        <color rgb="FFFF0000"/>
        <rFont val="ＭＳ Ｐゴシック"/>
        <family val="3"/>
        <charset val="128"/>
      </rPr>
      <t>該当ありに○</t>
    </r>
    <rPh sb="6" eb="8">
      <t>ガイトウ</t>
    </rPh>
    <phoneticPr fontId="1"/>
  </si>
  <si>
    <r>
      <t xml:space="preserve">遠隔通訳
</t>
    </r>
    <r>
      <rPr>
        <b/>
        <sz val="12"/>
        <color rgb="FFFF0000"/>
        <rFont val="ＭＳ Ｐゴシック"/>
        <family val="3"/>
        <charset val="128"/>
      </rPr>
      <t>該当ありに○</t>
    </r>
    <rPh sb="5" eb="7">
      <t>ガイトウ</t>
    </rPh>
    <phoneticPr fontId="1"/>
  </si>
  <si>
    <r>
      <t xml:space="preserve">その他の言語サポート
</t>
    </r>
    <r>
      <rPr>
        <b/>
        <sz val="12"/>
        <color rgb="FFFF0000"/>
        <rFont val="ＭＳ Ｐゴシック"/>
        <family val="3"/>
        <charset val="128"/>
      </rPr>
      <t>該当ありに○</t>
    </r>
    <rPh sb="11" eb="13">
      <t>ガイトウ</t>
    </rPh>
    <phoneticPr fontId="1"/>
  </si>
  <si>
    <t>○</t>
  </si>
  <si>
    <t>病院</t>
  </si>
  <si>
    <t>第二次救急医療機関</t>
  </si>
  <si>
    <t>VISA、MASTER、AMEX、JCB</t>
  </si>
  <si>
    <t>カテゴリー1、カテゴリー2</t>
  </si>
  <si>
    <t>カテゴリー2</t>
  </si>
  <si>
    <t>内科：EN</t>
    <phoneticPr fontId="1"/>
  </si>
  <si>
    <t>病院</t>
    <rPh sb="0" eb="2">
      <t>ビョウイン</t>
    </rPh>
    <phoneticPr fontId="7"/>
  </si>
  <si>
    <t>VISA、MASTER、AMEX、Diners Club、JCB</t>
  </si>
  <si>
    <t>病院</t>
    <rPh sb="0" eb="2">
      <t>ビョウイン</t>
    </rPh>
    <phoneticPr fontId="1"/>
  </si>
  <si>
    <t>診療所</t>
    <rPh sb="0" eb="3">
      <t>シンリョウジョ</t>
    </rPh>
    <phoneticPr fontId="1"/>
  </si>
  <si>
    <t>第二次救急医療機関</t>
    <rPh sb="0" eb="1">
      <t>ダイ</t>
    </rPh>
    <rPh sb="1" eb="2">
      <t>ニ</t>
    </rPh>
    <rPh sb="2" eb="3">
      <t>ジ</t>
    </rPh>
    <rPh sb="3" eb="5">
      <t>キュウキュウ</t>
    </rPh>
    <rPh sb="5" eb="7">
      <t>イリョウ</t>
    </rPh>
    <rPh sb="7" eb="9">
      <t>キカン</t>
    </rPh>
    <phoneticPr fontId="10"/>
  </si>
  <si>
    <t>歯科：EN</t>
    <rPh sb="0" eb="2">
      <t>シカ</t>
    </rPh>
    <phoneticPr fontId="10"/>
  </si>
  <si>
    <t>診療所</t>
    <rPh sb="0" eb="3">
      <t>シンリョウジョ</t>
    </rPh>
    <phoneticPr fontId="10"/>
  </si>
  <si>
    <t>内科：EN</t>
    <rPh sb="0" eb="2">
      <t>ナイカ</t>
    </rPh>
    <phoneticPr fontId="1"/>
  </si>
  <si>
    <t>歯科診療所</t>
  </si>
  <si>
    <t>病院</t>
    <phoneticPr fontId="10"/>
  </si>
  <si>
    <t>第二次救急医療機関</t>
    <phoneticPr fontId="10"/>
  </si>
  <si>
    <t>病院</t>
    <phoneticPr fontId="7"/>
  </si>
  <si>
    <t>月-金:8:30-11:00</t>
    <phoneticPr fontId="10"/>
  </si>
  <si>
    <t>VISA、MASTER、AMEX、Diners Club、JCB、DISCOVER</t>
    <phoneticPr fontId="1"/>
  </si>
  <si>
    <t>整形外科：EN</t>
    <rPh sb="0" eb="2">
      <t>セイケイ</t>
    </rPh>
    <rPh sb="2" eb="4">
      <t>ゲカ</t>
    </rPh>
    <phoneticPr fontId="10"/>
  </si>
  <si>
    <t>第二次救急医療機関</t>
    <phoneticPr fontId="7"/>
  </si>
  <si>
    <t>歯科診療所</t>
    <rPh sb="0" eb="2">
      <t>シカ</t>
    </rPh>
    <rPh sb="2" eb="5">
      <t>シンリョウジョ</t>
    </rPh>
    <phoneticPr fontId="1"/>
  </si>
  <si>
    <t>歯科：EN</t>
    <rPh sb="0" eb="2">
      <t>シカ</t>
    </rPh>
    <phoneticPr fontId="1"/>
  </si>
  <si>
    <t>歯科：EN</t>
    <phoneticPr fontId="1"/>
  </si>
  <si>
    <t>デビットカード</t>
    <phoneticPr fontId="1"/>
  </si>
  <si>
    <t>VISA、MASTER、JCB</t>
    <phoneticPr fontId="1"/>
  </si>
  <si>
    <t>内科：EN</t>
    <phoneticPr fontId="7"/>
  </si>
  <si>
    <t>VISA、MASTER、AMEX、Diners Club、JCB、DISCOVER</t>
    <phoneticPr fontId="7"/>
  </si>
  <si>
    <t>VISA、AMEX、JCB</t>
  </si>
  <si>
    <t>○</t>
    <phoneticPr fontId="10"/>
  </si>
  <si>
    <t>ポケトーク</t>
    <phoneticPr fontId="10"/>
  </si>
  <si>
    <t>内科：EN</t>
    <phoneticPr fontId="10"/>
  </si>
  <si>
    <t>診療所</t>
    <rPh sb="0" eb="3">
      <t>シンリョウショ</t>
    </rPh>
    <phoneticPr fontId="1"/>
  </si>
  <si>
    <t>Hayashi Orthopedic Clinic</t>
  </si>
  <si>
    <t>第二次救急医療機関</t>
    <rPh sb="0" eb="1">
      <t>ダイ</t>
    </rPh>
    <rPh sb="1" eb="2">
      <t>ニ</t>
    </rPh>
    <rPh sb="2" eb="3">
      <t>ジ</t>
    </rPh>
    <rPh sb="3" eb="5">
      <t>キュウキュウ</t>
    </rPh>
    <rPh sb="5" eb="7">
      <t>イリョウ</t>
    </rPh>
    <rPh sb="7" eb="9">
      <t>キカン</t>
    </rPh>
    <phoneticPr fontId="7"/>
  </si>
  <si>
    <t>Honda Clinic</t>
  </si>
  <si>
    <t>カテゴリー2</t>
    <phoneticPr fontId="10"/>
  </si>
  <si>
    <t>歯科診療所</t>
    <rPh sb="0" eb="2">
      <t>シカ</t>
    </rPh>
    <rPh sb="2" eb="5">
      <t>シンリョウショ</t>
    </rPh>
    <phoneticPr fontId="10"/>
  </si>
  <si>
    <t>診療所</t>
    <rPh sb="0" eb="3">
      <t>シンリョウショ</t>
    </rPh>
    <phoneticPr fontId="10"/>
  </si>
  <si>
    <t>診療所</t>
    <rPh sb="0" eb="3">
      <t>シンリョウショ</t>
    </rPh>
    <phoneticPr fontId="7"/>
  </si>
  <si>
    <t>歯科診療所</t>
    <rPh sb="0" eb="2">
      <t>シカ</t>
    </rPh>
    <rPh sb="2" eb="5">
      <t>シンリョウショ</t>
    </rPh>
    <phoneticPr fontId="7"/>
  </si>
  <si>
    <t>EN</t>
    <phoneticPr fontId="10"/>
  </si>
  <si>
    <t>整形外科：EN</t>
    <rPh sb="0" eb="2">
      <t>セイケイ</t>
    </rPh>
    <rPh sb="2" eb="4">
      <t>ゲカ</t>
    </rPh>
    <phoneticPr fontId="1"/>
  </si>
  <si>
    <t>32島根県</t>
    <phoneticPr fontId="8"/>
  </si>
  <si>
    <t>松江赤十字病院</t>
  </si>
  <si>
    <t>Japanese Red Cross Matsue Hospital</t>
  </si>
  <si>
    <t>690-8506</t>
  </si>
  <si>
    <t>島根県松江市母衣町200番地</t>
  </si>
  <si>
    <t>200Horomachi,Matsue,Shimane,690-8506</t>
  </si>
  <si>
    <t>0852-24-2111</t>
  </si>
  <si>
    <t>月-金:8:00-11:00（救急外来24時間対応)土日・祝日：救急外来24時間対応</t>
    <phoneticPr fontId="1"/>
  </si>
  <si>
    <t>https://www.matsue.jrc.or.jp/(日本語)</t>
  </si>
  <si>
    <t>消化器内科：EN、腎臓内科：EN、精神科：EN、循環器内科：EN、小児科：EN、心臓血管外科：EN、乳腺外科：EN、泌尿器科：EN、産婦人科：EN、眼科：EN歯科口腔外科：EN救命救急科：EN（8：20-16：50）</t>
    <phoneticPr fontId="1"/>
  </si>
  <si>
    <t>VISA、MASTER、AMEX、Diners Club、JCB、Nicos</t>
  </si>
  <si>
    <t>第三次救急医療機関</t>
    <rPh sb="0" eb="1">
      <t>ダイ</t>
    </rPh>
    <rPh sb="1" eb="2">
      <t>サン</t>
    </rPh>
    <rPh sb="2" eb="3">
      <t>ジ</t>
    </rPh>
    <rPh sb="3" eb="5">
      <t>キュウキュウ</t>
    </rPh>
    <rPh sb="5" eb="7">
      <t>イリョウ</t>
    </rPh>
    <rPh sb="7" eb="9">
      <t>キカン</t>
    </rPh>
    <phoneticPr fontId="10"/>
  </si>
  <si>
    <t>受付、診察時にタブレット対応　（Google翻訳アプリ、ボイストラアプリ対応）</t>
    <rPh sb="0" eb="2">
      <t>ウケツケ</t>
    </rPh>
    <rPh sb="3" eb="5">
      <t>シンサツ</t>
    </rPh>
    <rPh sb="5" eb="6">
      <t>ジ</t>
    </rPh>
    <rPh sb="12" eb="14">
      <t>タイオウ</t>
    </rPh>
    <rPh sb="22" eb="24">
      <t>ホンヤク</t>
    </rPh>
    <rPh sb="36" eb="38">
      <t>タイオウ</t>
    </rPh>
    <phoneticPr fontId="10"/>
  </si>
  <si>
    <t>32島根県</t>
  </si>
  <si>
    <t>松江市立病院</t>
  </si>
  <si>
    <t>MatsueCityHospital</t>
  </si>
  <si>
    <t>690-8509</t>
  </si>
  <si>
    <t>島根県松江市乃白町32番1</t>
    <phoneticPr fontId="10"/>
  </si>
  <si>
    <t>32-1Noshiracho,Matsue,Shimane,690-8509</t>
  </si>
  <si>
    <t>0852-60-8000</t>
  </si>
  <si>
    <t>月-金:予約外の方8:30-11:30、予約のある方8:40-11:30（救急外来24時間対応)土日・祝日：救急外来24時間対応</t>
    <phoneticPr fontId="7"/>
  </si>
  <si>
    <t>https://www.matsue-cityhospital.jp/(日本語)</t>
    <phoneticPr fontId="1"/>
  </si>
  <si>
    <t>救急科：EN、内科：EN、外科：EN、小児科：EN、精神科：EN、皮膚科：EN、脳神経外科：EN、泌尿器科：EN、整形外科：EN、眼科：EN、耳鼻咽喉科：EN、産科：EN、婦人科：EN、歯科：EN</t>
    <phoneticPr fontId="7"/>
  </si>
  <si>
    <t>松江市国際交流員、しまね国際センターコミュニティ通訳の協力により対応。翻訳用タブレット（ボイストラアプリ搭載）2台。</t>
    <phoneticPr fontId="7"/>
  </si>
  <si>
    <t>Social Medical Corporation Shourinkai Yasugi Daiichi Hospital</t>
    <phoneticPr fontId="7"/>
  </si>
  <si>
    <t>692-0011</t>
    <phoneticPr fontId="7"/>
  </si>
  <si>
    <t>島根県安来市安来町899-1</t>
    <phoneticPr fontId="7"/>
  </si>
  <si>
    <t>899-1,Yasugichou,Yasugishi,Shimane prefecture,692-0011</t>
  </si>
  <si>
    <t>0854-22-3411</t>
    <phoneticPr fontId="7"/>
  </si>
  <si>
    <t xml:space="preserve">月-金：8:30-17:00（救急外来24時間対応）土：8:30-12:00（救急外来24時間対応）日・祝日：救急外来24時間対応
</t>
    <rPh sb="50" eb="51">
      <t>ニチ</t>
    </rPh>
    <rPh sb="52" eb="54">
      <t>シュクジツ</t>
    </rPh>
    <rPh sb="55" eb="57">
      <t>キュウキュウ</t>
    </rPh>
    <rPh sb="57" eb="59">
      <t>ガイライ</t>
    </rPh>
    <rPh sb="61" eb="63">
      <t>ジカン</t>
    </rPh>
    <rPh sb="63" eb="65">
      <t>タイオウ</t>
    </rPh>
    <phoneticPr fontId="7"/>
  </si>
  <si>
    <t>https://www.syourinkai.or.jp/hospital（日本語）</t>
    <phoneticPr fontId="7"/>
  </si>
  <si>
    <t>内科：EN小児科：EN精神科：EN神経内科：EN心療内科：EN循環器内科：EN消化器内科：EN呼吸器内科：EN乳腺外科：EN緩和ケア内科：EN外科：EN整形外科：ENリハビリテーション科：EN泌尿器科：EN皮膚科：ENリウマ科 EN科科EN腎臓内科：EN</t>
    <rPh sb="17" eb="19">
      <t>シンケイ</t>
    </rPh>
    <rPh sb="19" eb="21">
      <t>ナイカ</t>
    </rPh>
    <rPh sb="24" eb="28">
      <t>シンリョウナイカ</t>
    </rPh>
    <rPh sb="31" eb="34">
      <t>ジュンカンキ</t>
    </rPh>
    <rPh sb="34" eb="36">
      <t>ナイカ</t>
    </rPh>
    <rPh sb="39" eb="42">
      <t>ショウカキ</t>
    </rPh>
    <rPh sb="42" eb="44">
      <t>ナイカ</t>
    </rPh>
    <rPh sb="47" eb="50">
      <t>コキュウキ</t>
    </rPh>
    <rPh sb="50" eb="52">
      <t>ナイカ</t>
    </rPh>
    <rPh sb="55" eb="59">
      <t>ニュウセンゲカ</t>
    </rPh>
    <rPh sb="62" eb="64">
      <t>カンワ</t>
    </rPh>
    <rPh sb="66" eb="68">
      <t>ナイカ</t>
    </rPh>
    <rPh sb="71" eb="73">
      <t>ゲカ</t>
    </rPh>
    <rPh sb="76" eb="78">
      <t>セイケイ</t>
    </rPh>
    <rPh sb="78" eb="80">
      <t>ゲカ</t>
    </rPh>
    <rPh sb="92" eb="93">
      <t>カ</t>
    </rPh>
    <rPh sb="96" eb="100">
      <t>ヒニョウキカ</t>
    </rPh>
    <rPh sb="103" eb="106">
      <t>ヒフカ</t>
    </rPh>
    <rPh sb="112" eb="113">
      <t>カ</t>
    </rPh>
    <rPh sb="120" eb="122">
      <t>ジンゾウ</t>
    </rPh>
    <rPh sb="122" eb="124">
      <t>ナイカ</t>
    </rPh>
    <phoneticPr fontId="7"/>
  </si>
  <si>
    <t>VISA、MASTER、AMEX、Diners Club、JCB、中国銀聯、DISCOVER</t>
    <phoneticPr fontId="7"/>
  </si>
  <si>
    <t>音声翻訳機（ポケトーク）、多言語問診票</t>
    <phoneticPr fontId="7"/>
  </si>
  <si>
    <t>32島根県</t>
    <phoneticPr fontId="4"/>
  </si>
  <si>
    <t>医療法人　さとう耳鼻咽喉科</t>
  </si>
  <si>
    <t>SATO　ENT　CLINIC</t>
  </si>
  <si>
    <t>699-0110</t>
  </si>
  <si>
    <t>島根県松江市東出雲町錦新町7丁目4-12</t>
  </si>
  <si>
    <t>7-4-12 Nishikishinmachi　Higashiizumo　Matsue   Shimane.</t>
  </si>
  <si>
    <t>0852-53-0033</t>
  </si>
  <si>
    <t>月～土　午前9時～12時30分　午後3時～6時　木曜、土曜は午後休診</t>
  </si>
  <si>
    <t>耳鼻咽喉科：EN</t>
    <phoneticPr fontId="7"/>
  </si>
  <si>
    <t>ヨシダデンタルオフィス</t>
    <phoneticPr fontId="7"/>
  </si>
  <si>
    <t>Yoshida　Dental　Office</t>
    <phoneticPr fontId="7"/>
  </si>
  <si>
    <t>690-0851</t>
    <phoneticPr fontId="7"/>
  </si>
  <si>
    <t>島根県松江市堂形町735</t>
    <phoneticPr fontId="7"/>
  </si>
  <si>
    <t>735,Dogatacho,Matsue-shi,Shimane,690-0851,Japan</t>
    <phoneticPr fontId="7"/>
  </si>
  <si>
    <t>0852-26-5353</t>
    <phoneticPr fontId="7"/>
  </si>
  <si>
    <t xml:space="preserve">月、火、水、金：9:00～12:30、14:00～17:30　木、土:9:00～13:30 </t>
    <phoneticPr fontId="7"/>
  </si>
  <si>
    <t>https://yoshida-dental-office.jp/</t>
    <phoneticPr fontId="7"/>
  </si>
  <si>
    <t>歯科：EN</t>
    <phoneticPr fontId="7"/>
  </si>
  <si>
    <t>3201 松江</t>
  </si>
  <si>
    <t>安来市立病院</t>
    <phoneticPr fontId="1"/>
  </si>
  <si>
    <t>Yasugi municipal hospital</t>
    <phoneticPr fontId="1"/>
  </si>
  <si>
    <t>692-0404</t>
    <phoneticPr fontId="1"/>
  </si>
  <si>
    <t>島根県安来市広瀬町広瀬1931</t>
    <phoneticPr fontId="1"/>
  </si>
  <si>
    <t xml:space="preserve"> 1931 Hirose, Hirose-cho, Yasugi‐shi, Shimane Prefecture,692-0404</t>
    <phoneticPr fontId="1"/>
  </si>
  <si>
    <t>0854-32-2121</t>
    <phoneticPr fontId="1"/>
  </si>
  <si>
    <t>月-金:8:30-11:00（救急外来24時間対応) 土日・祝日：救急外来24時間対応</t>
    <phoneticPr fontId="1"/>
  </si>
  <si>
    <t>https://www.city.yasugi.shimane.jp/hospital/</t>
    <phoneticPr fontId="1"/>
  </si>
  <si>
    <t>内科：EN、小児科：EN、皮膚科：EN、泌尿器科：EN、整形外科：EN、眼科：EN、耳鼻咽喉科：EN、婦人科：EN、形成外科: EN</t>
    <rPh sb="58" eb="62">
      <t>ケイセイゲカ</t>
    </rPh>
    <phoneticPr fontId="1"/>
  </si>
  <si>
    <t>VISA、MasterCard、JCB、アメリカンエキスプレス、ダイナースクラブ</t>
    <phoneticPr fontId="1"/>
  </si>
  <si>
    <t>Apple Pay、ID、QUICPay、Google Pay、楽天Edy、WAON</t>
    <phoneticPr fontId="1"/>
  </si>
  <si>
    <t>電話医療通訳サービス、ipad・スマートフォンによる通訳アプリ</t>
    <phoneticPr fontId="1"/>
  </si>
  <si>
    <t>3202 雲南</t>
    <phoneticPr fontId="7"/>
  </si>
  <si>
    <t>雲南市立病院</t>
    <phoneticPr fontId="10"/>
  </si>
  <si>
    <t>Unnan City Hospital</t>
    <phoneticPr fontId="1"/>
  </si>
  <si>
    <t>699-1221</t>
    <phoneticPr fontId="7"/>
  </si>
  <si>
    <t>島根県雲南市大東町飯田96-1</t>
    <phoneticPr fontId="10"/>
  </si>
  <si>
    <t>96-1Iida,Daitocho,Unnan,Shimane,699-1221</t>
    <phoneticPr fontId="7"/>
  </si>
  <si>
    <t>0854-47-7500</t>
    <phoneticPr fontId="7"/>
  </si>
  <si>
    <t>（新患）月-金：8:30-11:00、13:30-16:00（午後の診察がある科のみ）（再来）月-金：7:15-11:00、13:00-16:00（午後の診察がある科のみ）</t>
    <phoneticPr fontId="7"/>
  </si>
  <si>
    <t>https://unnan-hp.jp/（日本語）</t>
    <phoneticPr fontId="7"/>
  </si>
  <si>
    <t>VISA、MASTER、AMEX、Diners Club、JCB、その他</t>
    <phoneticPr fontId="7"/>
  </si>
  <si>
    <t>対話型翻訳機（World Speak）122言語サポート</t>
    <rPh sb="0" eb="3">
      <t>タイワガタ</t>
    </rPh>
    <rPh sb="3" eb="6">
      <t>ホンヤクキ</t>
    </rPh>
    <rPh sb="22" eb="24">
      <t>ゲンゴ</t>
    </rPh>
    <phoneticPr fontId="10"/>
  </si>
  <si>
    <t>3203 出雲</t>
    <phoneticPr fontId="7"/>
  </si>
  <si>
    <t>出雲市総合医療センター</t>
    <rPh sb="0" eb="3">
      <t>イズモシ</t>
    </rPh>
    <rPh sb="3" eb="5">
      <t>ソウゴウ</t>
    </rPh>
    <rPh sb="5" eb="7">
      <t>イリョウ</t>
    </rPh>
    <phoneticPr fontId="10"/>
  </si>
  <si>
    <t>Izumo City General Medical Center</t>
    <phoneticPr fontId="7"/>
  </si>
  <si>
    <t>691-0003</t>
  </si>
  <si>
    <t>島根県出雲市灘分町613</t>
    <rPh sb="0" eb="3">
      <t>シマネケン</t>
    </rPh>
    <rPh sb="3" eb="6">
      <t>イズモシ</t>
    </rPh>
    <rPh sb="6" eb="9">
      <t>ナダブンチョウ</t>
    </rPh>
    <phoneticPr fontId="10"/>
  </si>
  <si>
    <t>613,Nadabun,Izumo,Shimane,691-0003,Japan</t>
  </si>
  <si>
    <t>0853-63-5111</t>
  </si>
  <si>
    <t>月-金:8:30-11:00 12:00-15:00（救急外来24時間対応)土日・祝日：救急外来24時間対応</t>
    <phoneticPr fontId="1"/>
  </si>
  <si>
    <t>https://www.izumocity-hp.jp/（日本語）</t>
    <phoneticPr fontId="1"/>
  </si>
  <si>
    <t>内科：EN、KO、ZH、TH、VI、ID、MS、TL、NE、PT、ES、DE、FR、IT、RU 外科：EN、KO、ZH、TH、VI、ID、MS、TL、NE、PT、ES、DE、FR、IT、RU 小児科：EN、KO、ZH、TH、VI、ID、MS、TL、NE、PT、ES、DE、FR、ITRU泌尿器科：EN、KO、ZH、TH、VI、ID、MS、TL、NE、PT、ES、DE、FR、IT、RU
整形外科：EN、KO、ZH、TH、VI、ID、MS、TL、NE、PT、ES、DE、FR、IT、RU
　※日常会話のみ対応（診療等に係る専門的な会話は困難な場合あり）</t>
    <phoneticPr fontId="10"/>
  </si>
  <si>
    <t>VISA、MASTER、AMEX、Diners Club、JCB、DISCOVER</t>
    <phoneticPr fontId="10"/>
  </si>
  <si>
    <t>出雲市多言語コールセンター　EN、KO、ZH、TH、VI、ID、MS、TL、NE、PT、ES、DE、FR、IT、RU　24時間/365日</t>
    <rPh sb="0" eb="3">
      <t>イズモシ</t>
    </rPh>
    <rPh sb="3" eb="6">
      <t>タゲンゴ</t>
    </rPh>
    <rPh sb="67" eb="68">
      <t>ニチ</t>
    </rPh>
    <phoneticPr fontId="10"/>
  </si>
  <si>
    <t>島根大学医学部附属病院</t>
  </si>
  <si>
    <t>Shimane University Hospital</t>
    <phoneticPr fontId="7"/>
  </si>
  <si>
    <t>693-8501</t>
  </si>
  <si>
    <t>島根県出雲市塩冶町89-1</t>
    <phoneticPr fontId="10"/>
  </si>
  <si>
    <t>89-1 Enya-cho,Izumo-shi,Shimane 693-8501</t>
  </si>
  <si>
    <t>0853-23-2111</t>
  </si>
  <si>
    <t>月-金:8:30-11:00（救急外来24時間対応)土日・祝日：救急外来24時間対応</t>
    <phoneticPr fontId="7"/>
  </si>
  <si>
    <t>https://www.med.shimane-u.ac.jp/hospital/(日本語)
https://www.med.shimane-u.ac.jp/hospital/English/（英語）
https://www.med.shimane-u.ac.jp/hospital/Portuguese/（ポルトガル語）</t>
    <phoneticPr fontId="1"/>
  </si>
  <si>
    <t>救急科：EN、ZH、KO、PT、ES、VI、TH、FIL、RU、TL、NE、ID、HI、FR、DE、IT、MS、MY、KM、MN内科：EN、ZH、KO、PT、ES、VI、TH、FIL、RU、TL、NE、ID、HI、FR、DE、IT、MS、MY、KM、MN 外科：EEN、ZH、KO、PT、ES、VI、TH、FIL、RU、TL、NE、ID、HI、FR、DE、IT、MS、MY、KM、MN
小児科：EN、ZH、KO、PT、ES、VI、TH、FIL、RU、TL、NE、ID、HI、FR、DE、IT、MS、MY、KM、MN
精神科：EN、ZH、KO、PT、ES、VI、TH、FIL、RU、TL、NE、ID、HI、FR、DE、IT、MS、MY、KM、MN
皮膚科：EN、ZH、KO、PT、ES、VI、TH、FIL、RU、TL、NE、ID、HI、FR、DE、IT、MS、MY、KM、MN
脳神経外科：EN、ZH、KO、PT、ES、VI、TH、FIL、RU、TL、NE、ID、HI、FR、DE、IT、MS、MY、KM、MN
泌尿器科：EN、ZH、KO、PT、ES、VI、TH、FIL、RU、TL、NE、ID、HI、FR、DE、IT、MS、MY、KM、MN
整形外科：EN、ZH、KO、PT、ES、VI、TH、FIL、RU、TL、NE、ID、HI、FR、DE、IT、MS、MY、KM、MN
眼科：EN、ZH、KO、PT、ES、VI、TH、FIL、RU、TL、NE、ID、HI、FR、DE、IT、MS、MY、KM、MN
耳鼻咽喉科：EN、ZH、KO、PT、ES、VI、TH、FIL、RU、TL、NE、ID、HI、FR、DE、IT、MS、MY、KM、MN
産科：EN、ZH、KO、PT、ES、VI、TH、FIL、RU、TL、NE、ID、HI、FR、DE、IT、MS、MY、KM、MN
婦人科：EN、ZH、KO、PT、ES、VI、TH、FIL、RU、TL、NE、ID、HI、FR、DE、IT、MS、MY、KM、MN
歯科：EN、ZH、KO、PT、ES、VI、TH、FIL、RU、TL、NE、ID、HI、FR、DE、IT、MS、MY、KM、MN
その他：EN、ZH、KO、PT、ES、VI、TH、FIL、RU、TL、NE、ID、HI、FR、DE、IT、MS、MY、KM、MN</t>
    <phoneticPr fontId="7"/>
  </si>
  <si>
    <t>VISA、MASTER、AMEX、Diners Club、JCB、その他</t>
    <rPh sb="35" eb="36">
      <t>タ</t>
    </rPh>
    <phoneticPr fontId="10"/>
  </si>
  <si>
    <t>EEN、ZH、KO、PT、ES、VI、TH、FIL　AMDA国際医療情報センター通訳専用ライン</t>
    <phoneticPr fontId="10"/>
  </si>
  <si>
    <t>EN、ZH、KO、PT、ES、VI、RU、TH、TL、NE、ID、HI、FR、DE、IT、MS、MY、KM、MN　24時間365日　医療機関向けコミュニケーション支援サービスMelon　AI通訳機ポケトーク</t>
    <phoneticPr fontId="10"/>
  </si>
  <si>
    <t>島根県立中央病院</t>
    <phoneticPr fontId="1"/>
  </si>
  <si>
    <t>Shimane Prefectural Central Hospital</t>
    <phoneticPr fontId="1"/>
  </si>
  <si>
    <t>693-8555</t>
  </si>
  <si>
    <t>島根県出雲市姫原4丁目1番地1</t>
    <phoneticPr fontId="10"/>
  </si>
  <si>
    <t>4-1-1Himebara,Izumo,Shimane,693-8555</t>
  </si>
  <si>
    <t>0853-22-5111</t>
  </si>
  <si>
    <t>月-金：8:30-11:00（12:30-14:00 特殊外来、一部診療科のみ）土日・祝：救急外来24時間対応</t>
    <phoneticPr fontId="10"/>
  </si>
  <si>
    <t>https://www.spch.izumo.shimane.jp/(日本語)★_x000D_
https://www.spch.izumo.shimane.jp/en/(英語)★_x000D_
https://www.spch.izumo.shimane.jp/zh-cn/(中国語)★_x000D_
https://www.spch.izumo.shimane.jp/pt/(ポルトガル語)★_x000D_
https://www.spch.izumo.shimane.jp/tl/(タガログ語)★_x000D_
https://www.spch.izumo.shimane.jp/vi/(ベトナム語)</t>
    <phoneticPr fontId="10"/>
  </si>
  <si>
    <t>救急科：EN、ZH、KO、RU、ID、MS、ES、PT、FR、TL、NE、VI、TH、HI、KM、UK内科：EN、ZH、KO、RU、ID、MS、ES、PT、FR、TL、NE、VI、TH、HI、KM、UK 外科：EN、ZH、KO、RU、ID、MS、ES、PT、FR、TL、NE、VI、TH、HI、KM、UK
小児科：EN、ZH、KO、RU、ID、MS、ES、PT、FR、TL、NE、VI、TH、HI、KM、UK
精神科：EN、ZH、KO、RU、ID、MS、ES、PT、FR、TL、NE、VI、TH、HI、KM、UK
皮膚科：EN、ZH、KO、RU、ID、MS、ES、PT、FR、TL、NE、VI、TH、HI、KM、UK
脳神経外科：EN、ZH、KO、RU、ID、MS、ES、PT、FR、TL、NE、VI、TH、HI、KM、UK
泌尿器科：EN、ZH、KO、RU、ID、MS、ES、PT、FR、TL、NE、VI、TH、HI、KM、UK
整形外科：EN、ZH、KO、RU、ID、MS、ES、PT、FR、TL、NE、VI、TH、HI、KM、UK
眼科：EN、ZH、KO、RU、ID、MS、ES、PT、FR、TL、NE、VI、TH、HI、KM、UK
耳鼻咽喉科：EN、ZH、KO、RU、ID、MS、ES、PT、FR、TL、NE、VI、TH、HI、KM、UK
産科：EN、ZH、KO、RU、ID、MS、ES、PT、FR、TL、NE、VI、TH、HI、KM、UK
婦人科：EN、ZH、KO、RU、ID、MS、ES、PT、FR、TL、NE、VI、TH、HI、KM、UK
歯科：EN、ZH、KO、RU、ID、MS、ES、PT、FR、TL、NE、VI、TH、HI、KM、UK
その他：EN、ZH、KO、RU、ID、MS、ES、PT、FR、TL、NE、VI、TH、HI、KM、UK</t>
    <phoneticPr fontId="7"/>
  </si>
  <si>
    <t>VISA、MASTER、AMEX、DinersClub、JCB、Discover Card</t>
    <phoneticPr fontId="7"/>
  </si>
  <si>
    <t>EN、ZH、KO、RU、ID、MS、ES、PT、FR、TL、NE、VI、TH、HI、KM、UK</t>
    <phoneticPr fontId="10"/>
  </si>
  <si>
    <t>医療法人徳洲会　出雲徳洲会病院</t>
    <phoneticPr fontId="10"/>
  </si>
  <si>
    <t>Medical Corporation  Tokushukai Izumo Tokushukai Hospital</t>
    <phoneticPr fontId="1"/>
  </si>
  <si>
    <t>699-0631</t>
  </si>
  <si>
    <t>島根県出雲市斐川町直江3964-1</t>
    <rPh sb="0" eb="3">
      <t>シマネケン</t>
    </rPh>
    <rPh sb="3" eb="6">
      <t>イズモシ</t>
    </rPh>
    <rPh sb="6" eb="9">
      <t>ヒカワチョウ</t>
    </rPh>
    <rPh sb="9" eb="11">
      <t>ナオエ</t>
    </rPh>
    <phoneticPr fontId="10"/>
  </si>
  <si>
    <t>3964-1 Naoe Hikawa-cho Izumo City Shimane Prefecture</t>
  </si>
  <si>
    <t>0853-73-7000</t>
  </si>
  <si>
    <t>月-金:8:30-11:30 16:30-18:30土：8:30-11:30上記以外は時間外対応</t>
    <rPh sb="0" eb="1">
      <t>ゲツ</t>
    </rPh>
    <rPh sb="2" eb="3">
      <t>キン</t>
    </rPh>
    <rPh sb="26" eb="27">
      <t>ド</t>
    </rPh>
    <rPh sb="38" eb="40">
      <t>ジョウキ</t>
    </rPh>
    <rPh sb="40" eb="42">
      <t>イガイ</t>
    </rPh>
    <rPh sb="43" eb="46">
      <t>ジカンガイ</t>
    </rPh>
    <rPh sb="46" eb="48">
      <t>タイオウ</t>
    </rPh>
    <phoneticPr fontId="10"/>
  </si>
  <si>
    <t>https://www.izumo-tokushukai.jp/（日本語）</t>
    <rPh sb="33" eb="36">
      <t>ニホンゴ</t>
    </rPh>
    <phoneticPr fontId="10"/>
  </si>
  <si>
    <t>内科：EN、ZH、KO、PT、TL、VI外科：EN、ZH、KO、PT、TL、VI皮膚科：EN、ZH、KO、PT、TL、VI脳神経外科：EN、ZH、KO、PT、TL、VI泌尿器科：EN、ZH、KO、PT、TL、VI 整形外科：EN、ZH、KO、PT、TL、VI 婦人科：EN、ZH、KO、PT、TL、VI
呼吸器内科：EN、ZH、KO、PT、TL、VI
消化器内科：EN、ZH、KO、PT、TL、VI</t>
    <phoneticPr fontId="1"/>
  </si>
  <si>
    <t>交通系IC、ID、QUICPay、楽天Edy、WAON、nanaco</t>
    <phoneticPr fontId="1"/>
  </si>
  <si>
    <t>音声翻訳機（ポケトーク）</t>
    <phoneticPr fontId="10"/>
  </si>
  <si>
    <t>32島根県</t>
    <phoneticPr fontId="3"/>
  </si>
  <si>
    <t>出雲市民病院</t>
    <rPh sb="0" eb="2">
      <t>イズモ</t>
    </rPh>
    <rPh sb="2" eb="4">
      <t>シミン</t>
    </rPh>
    <rPh sb="4" eb="6">
      <t>ビョウイン</t>
    </rPh>
    <phoneticPr fontId="10"/>
  </si>
  <si>
    <t>Izumoshimin Hospital</t>
  </si>
  <si>
    <t>693-0021</t>
  </si>
  <si>
    <t>島根県出雲市塩冶町1536-1</t>
    <rPh sb="0" eb="3">
      <t>シマネケン</t>
    </rPh>
    <rPh sb="3" eb="6">
      <t>イズモシ</t>
    </rPh>
    <rPh sb="6" eb="9">
      <t>エンヤチョウ</t>
    </rPh>
    <phoneticPr fontId="10"/>
  </si>
  <si>
    <t>1536-1 Enya-cho Izumo-Shi Shimane-Ken</t>
    <phoneticPr fontId="1"/>
  </si>
  <si>
    <t>0853-21-2722</t>
    <phoneticPr fontId="1"/>
  </si>
  <si>
    <t>月-金:9:00-12:00（救急外来24時間対応）</t>
    <rPh sb="0" eb="1">
      <t>ゲツ</t>
    </rPh>
    <rPh sb="2" eb="3">
      <t>キン</t>
    </rPh>
    <rPh sb="15" eb="17">
      <t>キュウキュウ</t>
    </rPh>
    <rPh sb="17" eb="19">
      <t>ガイライ</t>
    </rPh>
    <rPh sb="21" eb="23">
      <t>ジカン</t>
    </rPh>
    <rPh sb="23" eb="25">
      <t>タイオウ</t>
    </rPh>
    <phoneticPr fontId="10"/>
  </si>
  <si>
    <t>https://izumo-hewcoop.jp/izumo-hp/（日本語）</t>
    <rPh sb="35" eb="38">
      <t>ニホンゴ</t>
    </rPh>
    <phoneticPr fontId="10"/>
  </si>
  <si>
    <t>内科：EN、ZH、PT　　整形外科：EN、ZH、PT</t>
    <phoneticPr fontId="1"/>
  </si>
  <si>
    <t>翻訳機による対応　EN、ZH、PT</t>
    <rPh sb="0" eb="2">
      <t>ホンヤク</t>
    </rPh>
    <rPh sb="2" eb="3">
      <t>キ</t>
    </rPh>
    <rPh sb="6" eb="8">
      <t>タイオウ</t>
    </rPh>
    <phoneticPr fontId="1"/>
  </si>
  <si>
    <t>医療法人　つむらファミリークリニック　くみ小児科</t>
    <phoneticPr fontId="10"/>
  </si>
  <si>
    <t>Tsumura  family  clinic  Kumi  pediatrics</t>
  </si>
  <si>
    <t>693-0004</t>
  </si>
  <si>
    <t>島根県出雲市渡橋町858-1</t>
    <phoneticPr fontId="10"/>
  </si>
  <si>
    <t>858-1 Watarihashicyo,Izumo,Shimane</t>
    <phoneticPr fontId="1"/>
  </si>
  <si>
    <t>0853-23-9393</t>
    <phoneticPr fontId="1"/>
  </si>
  <si>
    <t>（月火水金）9：00～12：00　15：00～18：00（土）9：00～12：00　14：00～16：00　     　　　　　　　　　　　　　　　　　　　</t>
    <phoneticPr fontId="7"/>
  </si>
  <si>
    <t>内科:EN　小児科:EN</t>
    <rPh sb="0" eb="2">
      <t>ナイカ</t>
    </rPh>
    <rPh sb="6" eb="9">
      <t>ショウニカ</t>
    </rPh>
    <phoneticPr fontId="1"/>
  </si>
  <si>
    <t>後藤内科医院</t>
    <rPh sb="0" eb="2">
      <t>ゴトウ</t>
    </rPh>
    <rPh sb="2" eb="4">
      <t>ナイカ</t>
    </rPh>
    <rPh sb="4" eb="6">
      <t>イイン</t>
    </rPh>
    <phoneticPr fontId="10"/>
  </si>
  <si>
    <t>Goto Internal Medicine Clinic</t>
  </si>
  <si>
    <t>島根県出雲市塩冶町992-3</t>
    <rPh sb="0" eb="3">
      <t>シマネケン</t>
    </rPh>
    <rPh sb="3" eb="6">
      <t>イズモシ</t>
    </rPh>
    <rPh sb="6" eb="9">
      <t>エンヤチョウ</t>
    </rPh>
    <phoneticPr fontId="10"/>
  </si>
  <si>
    <t>992-3 Enya-Cho,Izumo-shi,Shimane-Prefecture,693-0021</t>
  </si>
  <si>
    <t>0853-21-7111</t>
    <phoneticPr fontId="1"/>
  </si>
  <si>
    <t>月-土:8:00-12:30 16:00-19:00</t>
    <phoneticPr fontId="7"/>
  </si>
  <si>
    <t>院長が英語で対応</t>
    <rPh sb="0" eb="2">
      <t>インチョウ</t>
    </rPh>
    <rPh sb="3" eb="5">
      <t>エイゴ</t>
    </rPh>
    <rPh sb="6" eb="8">
      <t>タイオウ</t>
    </rPh>
    <phoneticPr fontId="10"/>
  </si>
  <si>
    <t>スマートフォン翻訳</t>
    <rPh sb="7" eb="9">
      <t>ホンヤク</t>
    </rPh>
    <phoneticPr fontId="10"/>
  </si>
  <si>
    <t>医療法人　姫野クリニック</t>
  </si>
  <si>
    <t xml:space="preserve">Himeno  clinic  </t>
  </si>
  <si>
    <t>島根県出雲市塩冶町1069</t>
  </si>
  <si>
    <t>1069-Enyacho.Izumoshi.Shimane</t>
  </si>
  <si>
    <t>0853-20-2566</t>
    <phoneticPr fontId="1"/>
  </si>
  <si>
    <t>（月水木金）9：30～11：00　15：30～17：30（土）9：30～11：00　14：00～16：30　     　　　　　　　　　　　　　　　　　　　</t>
    <phoneticPr fontId="1"/>
  </si>
  <si>
    <t>https://www.himenocl.com</t>
  </si>
  <si>
    <t>泌尿器科:EN</t>
    <rPh sb="0" eb="4">
      <t>ヒニョウキカ</t>
    </rPh>
    <phoneticPr fontId="1"/>
  </si>
  <si>
    <t>医療法人社団　林整形外科医院</t>
  </si>
  <si>
    <t>693-0061</t>
  </si>
  <si>
    <t>島根県出雲市姫原町１１４－３</t>
  </si>
  <si>
    <t>Himebara-cho 114-3 Izumo-city</t>
  </si>
  <si>
    <t>0853-21-1758</t>
    <phoneticPr fontId="1"/>
  </si>
  <si>
    <t>（月、火）9:00-11:30　（水）9:00-11:30、14:00-17:30　（木）9:00-11:30、14:00-18:00　（金）9:00-11:30（予約制）、14:00-15:00（予約制・特殊外来）</t>
    <phoneticPr fontId="1"/>
  </si>
  <si>
    <t>https://www.hayashiseikeigeka.com（日本語）</t>
    <rPh sb="34" eb="37">
      <t>ニホンゴ</t>
    </rPh>
    <phoneticPr fontId="10"/>
  </si>
  <si>
    <t>たまがわ内科クリニック</t>
    <phoneticPr fontId="10"/>
  </si>
  <si>
    <t>TAMAGAWA Internal Medicine Clinic</t>
  </si>
  <si>
    <t>699-0624</t>
  </si>
  <si>
    <t>島根県出雲市斐川町上直江3536</t>
    <phoneticPr fontId="10"/>
  </si>
  <si>
    <t>3536 Kaminaoe. Hikawa-cho. Izumo. Shimane. Japan</t>
  </si>
  <si>
    <t>0853-27-9850</t>
    <phoneticPr fontId="1"/>
  </si>
  <si>
    <t>（月、火、水、金）8:30-12:00、16:00-18:00（木、土）8:30-12:00（日）休診</t>
    <phoneticPr fontId="1"/>
  </si>
  <si>
    <t>内科：EN、PT</t>
    <rPh sb="0" eb="2">
      <t>ナイカ</t>
    </rPh>
    <phoneticPr fontId="1"/>
  </si>
  <si>
    <t>ポルトガル語（フジアルテの通訳が対応）</t>
  </si>
  <si>
    <t>本田医院</t>
    <rPh sb="0" eb="2">
      <t>ホンダ</t>
    </rPh>
    <rPh sb="2" eb="4">
      <t>イイン</t>
    </rPh>
    <phoneticPr fontId="10"/>
  </si>
  <si>
    <t>699-0812</t>
  </si>
  <si>
    <t>島根県出雲市湖陵町二部1802-1</t>
    <rPh sb="0" eb="3">
      <t>シマネケン</t>
    </rPh>
    <rPh sb="3" eb="6">
      <t>イズモシ</t>
    </rPh>
    <rPh sb="6" eb="9">
      <t>コリョウチョウ</t>
    </rPh>
    <rPh sb="9" eb="11">
      <t>ニブ</t>
    </rPh>
    <phoneticPr fontId="10"/>
  </si>
  <si>
    <t>1802-1,Nibu,Koryo-cho,Izumo-shi,Shimane-Prefecture,699-0812</t>
  </si>
  <si>
    <t>0853-43-7800</t>
  </si>
  <si>
    <t>月、火、水、金：9:00-12:15 15:30-18:00 木、土:9:00-12:00</t>
    <rPh sb="0" eb="1">
      <t>ゲツ</t>
    </rPh>
    <rPh sb="2" eb="3">
      <t>カ</t>
    </rPh>
    <rPh sb="4" eb="5">
      <t>スイ</t>
    </rPh>
    <rPh sb="6" eb="7">
      <t>キン</t>
    </rPh>
    <rPh sb="31" eb="32">
      <t>モク</t>
    </rPh>
    <rPh sb="33" eb="34">
      <t>ド</t>
    </rPh>
    <phoneticPr fontId="10"/>
  </si>
  <si>
    <t>スマートフォン翻訳アプリ（EN、DE、PT、ZH）20カ国語以上</t>
    <rPh sb="7" eb="9">
      <t>ホンヤク</t>
    </rPh>
    <rPh sb="28" eb="30">
      <t>コクゴ</t>
    </rPh>
    <rPh sb="30" eb="32">
      <t>イジョウ</t>
    </rPh>
    <phoneticPr fontId="10"/>
  </si>
  <si>
    <t>出雲整形外科クリニック</t>
    <rPh sb="0" eb="2">
      <t>イズモ</t>
    </rPh>
    <rPh sb="2" eb="4">
      <t>セイケイ</t>
    </rPh>
    <rPh sb="4" eb="6">
      <t>ゲカ</t>
    </rPh>
    <phoneticPr fontId="10"/>
  </si>
  <si>
    <t>Izumo Orthopedics Clinic</t>
  </si>
  <si>
    <t>島根県出雲市渡橋町1140-1</t>
    <rPh sb="0" eb="3">
      <t>シマネケン</t>
    </rPh>
    <rPh sb="3" eb="6">
      <t>イズモシ</t>
    </rPh>
    <rPh sb="6" eb="8">
      <t>ワタリハシ</t>
    </rPh>
    <rPh sb="8" eb="9">
      <t>チョウ</t>
    </rPh>
    <phoneticPr fontId="10"/>
  </si>
  <si>
    <t>1140-1 Watarihashi-Cyo,Izumo-shi,Shimane-Prefecture 693-0004</t>
  </si>
  <si>
    <t>0853-23-6100</t>
  </si>
  <si>
    <t>月、水、金:9:00-12:30 15:00-18:30 火、木、土:9:00-12:30</t>
    <rPh sb="0" eb="1">
      <t>ゲツ</t>
    </rPh>
    <rPh sb="2" eb="3">
      <t>スイ</t>
    </rPh>
    <rPh sb="4" eb="5">
      <t>キン</t>
    </rPh>
    <rPh sb="29" eb="30">
      <t>カ</t>
    </rPh>
    <rPh sb="31" eb="32">
      <t>モク</t>
    </rPh>
    <rPh sb="33" eb="34">
      <t>ド</t>
    </rPh>
    <phoneticPr fontId="10"/>
  </si>
  <si>
    <t>手納医院</t>
    <rPh sb="0" eb="1">
      <t>テ</t>
    </rPh>
    <rPh sb="1" eb="2">
      <t>ノウ</t>
    </rPh>
    <rPh sb="2" eb="4">
      <t>イイン</t>
    </rPh>
    <phoneticPr fontId="10"/>
  </si>
  <si>
    <t>Teno Clinic</t>
  </si>
  <si>
    <t>693-0051</t>
  </si>
  <si>
    <t>島根県出雲市小山町300</t>
    <rPh sb="0" eb="3">
      <t>シマネケン</t>
    </rPh>
    <rPh sb="3" eb="6">
      <t>イズモシ</t>
    </rPh>
    <rPh sb="6" eb="9">
      <t>オヤマチョウ</t>
    </rPh>
    <phoneticPr fontId="10"/>
  </si>
  <si>
    <t>Oyama300,Izumo,Shimane</t>
  </si>
  <si>
    <t>0853-22-6660</t>
    <phoneticPr fontId="7"/>
  </si>
  <si>
    <t>月-金：9:00-11:00</t>
    <rPh sb="0" eb="1">
      <t>ゲツ</t>
    </rPh>
    <rPh sb="2" eb="3">
      <t>キン</t>
    </rPh>
    <phoneticPr fontId="10"/>
  </si>
  <si>
    <t>内科：EN　　眼科：EN</t>
    <phoneticPr fontId="10"/>
  </si>
  <si>
    <t>みもりキッズファミリークリニック</t>
    <phoneticPr fontId="1"/>
  </si>
  <si>
    <t>Mimori kids family clinic</t>
    <phoneticPr fontId="1"/>
  </si>
  <si>
    <t>693-0051</t>
    <phoneticPr fontId="1"/>
  </si>
  <si>
    <t>島根県出雲市小山町４４２－２</t>
    <rPh sb="0" eb="3">
      <t>シマネケン</t>
    </rPh>
    <rPh sb="3" eb="6">
      <t>イズモシ</t>
    </rPh>
    <rPh sb="6" eb="9">
      <t>オヤマチョウ</t>
    </rPh>
    <phoneticPr fontId="10"/>
  </si>
  <si>
    <t>442-2 Oyamacho, Izumo, City, Shimane, 693-0051</t>
    <phoneticPr fontId="1"/>
  </si>
  <si>
    <t>0853-25-8860</t>
    <phoneticPr fontId="7"/>
  </si>
  <si>
    <t>月、火、金:8:30-12:00、15:30-18:00（14:00-15:30 予防接種、検診）木：8:30-12:00（14:00-16:00 予防接種、検診）土：8:30-13:00（14:00-16:00 予防接種、検診）</t>
    <rPh sb="0" eb="1">
      <t>ゲツ</t>
    </rPh>
    <rPh sb="2" eb="3">
      <t>カ</t>
    </rPh>
    <rPh sb="4" eb="5">
      <t>キン</t>
    </rPh>
    <rPh sb="41" eb="43">
      <t>ヨボウ</t>
    </rPh>
    <rPh sb="43" eb="45">
      <t>セッシュ</t>
    </rPh>
    <rPh sb="46" eb="48">
      <t>ケンシン</t>
    </rPh>
    <rPh sb="49" eb="50">
      <t>モク</t>
    </rPh>
    <rPh sb="82" eb="83">
      <t>ド</t>
    </rPh>
    <phoneticPr fontId="10"/>
  </si>
  <si>
    <t>https://www.mimori-kids.jp（日本語）</t>
    <phoneticPr fontId="7"/>
  </si>
  <si>
    <t>小児科：EN</t>
    <phoneticPr fontId="7"/>
  </si>
  <si>
    <t>32島根県</t>
    <phoneticPr fontId="16"/>
  </si>
  <si>
    <t>伊藤医院</t>
    <rPh sb="0" eb="2">
      <t>イトウ</t>
    </rPh>
    <rPh sb="2" eb="4">
      <t>イイン</t>
    </rPh>
    <phoneticPr fontId="1"/>
  </si>
  <si>
    <t>Ito Clinic</t>
    <phoneticPr fontId="1"/>
  </si>
  <si>
    <t>699-0822</t>
    <phoneticPr fontId="1"/>
  </si>
  <si>
    <t>島根県出雲市神西沖町2076</t>
    <rPh sb="0" eb="3">
      <t>シマネケン</t>
    </rPh>
    <rPh sb="3" eb="6">
      <t>イズモシ</t>
    </rPh>
    <rPh sb="6" eb="8">
      <t>ジンザイ</t>
    </rPh>
    <rPh sb="8" eb="9">
      <t>オキ</t>
    </rPh>
    <rPh sb="9" eb="10">
      <t>マチ</t>
    </rPh>
    <phoneticPr fontId="1"/>
  </si>
  <si>
    <t>2076 Jinzaioki-cho,Izumo,Shimane</t>
    <phoneticPr fontId="1"/>
  </si>
  <si>
    <t>0853-43-1111</t>
    <phoneticPr fontId="7"/>
  </si>
  <si>
    <t>月、火、水、金　8：30～12：00、15：00～18：30 木、土　8：30～12：00</t>
    <rPh sb="0" eb="1">
      <t>ゲツ</t>
    </rPh>
    <rPh sb="2" eb="3">
      <t>カ</t>
    </rPh>
    <rPh sb="4" eb="5">
      <t>ミズ</t>
    </rPh>
    <rPh sb="6" eb="7">
      <t>キン</t>
    </rPh>
    <rPh sb="31" eb="32">
      <t>キ</t>
    </rPh>
    <rPh sb="33" eb="34">
      <t>ツチ</t>
    </rPh>
    <phoneticPr fontId="10"/>
  </si>
  <si>
    <t>https://ito810.com/</t>
    <phoneticPr fontId="7"/>
  </si>
  <si>
    <t>そうもと</t>
    <phoneticPr fontId="10"/>
  </si>
  <si>
    <t>Sohmoto</t>
  </si>
  <si>
    <t>691-0001</t>
  </si>
  <si>
    <t>島根県出雲市平田町1630</t>
    <rPh sb="0" eb="3">
      <t>シマネケン</t>
    </rPh>
    <phoneticPr fontId="10"/>
  </si>
  <si>
    <t>1630 hirata-cho,izumo-shi</t>
    <phoneticPr fontId="1"/>
  </si>
  <si>
    <t>0853-63-0888</t>
  </si>
  <si>
    <t>月～土　9：00～13：00　　15：00～19：00</t>
    <phoneticPr fontId="10"/>
  </si>
  <si>
    <t>歯科：EN、ZH</t>
    <rPh sb="0" eb="2">
      <t>シカ</t>
    </rPh>
    <phoneticPr fontId="7"/>
  </si>
  <si>
    <t>医療法人社団　中村歯科医院</t>
    <rPh sb="0" eb="2">
      <t>イリョウ</t>
    </rPh>
    <rPh sb="2" eb="4">
      <t>ホウジン</t>
    </rPh>
    <rPh sb="4" eb="6">
      <t>シャダン</t>
    </rPh>
    <rPh sb="7" eb="9">
      <t>ナカムラ</t>
    </rPh>
    <rPh sb="9" eb="11">
      <t>シカ</t>
    </rPh>
    <rPh sb="11" eb="13">
      <t>イイン</t>
    </rPh>
    <phoneticPr fontId="1"/>
  </si>
  <si>
    <t>Nakamura Dental clinic</t>
    <phoneticPr fontId="1"/>
  </si>
  <si>
    <t>693-0002</t>
  </si>
  <si>
    <t>島根県出雲市今市町北本町1-7-15</t>
    <rPh sb="0" eb="3">
      <t>シマネケン</t>
    </rPh>
    <rPh sb="3" eb="6">
      <t>イズモシ</t>
    </rPh>
    <rPh sb="6" eb="9">
      <t>イマイチチョウ</t>
    </rPh>
    <rPh sb="9" eb="12">
      <t>キタホンマチ</t>
    </rPh>
    <phoneticPr fontId="1"/>
  </si>
  <si>
    <t>1-7-15 Kita-honmachi-Imaichi-cho Izumo-Shi</t>
    <phoneticPr fontId="1"/>
  </si>
  <si>
    <t>0853-22-0421</t>
  </si>
  <si>
    <t>月、火、水、金、土：8:30-12:30 14:00-18:00</t>
    <rPh sb="0" eb="1">
      <t>ゲツ</t>
    </rPh>
    <rPh sb="2" eb="3">
      <t>カ</t>
    </rPh>
    <rPh sb="4" eb="5">
      <t>スイ</t>
    </rPh>
    <rPh sb="6" eb="7">
      <t>キン</t>
    </rPh>
    <rPh sb="8" eb="9">
      <t>ド</t>
    </rPh>
    <phoneticPr fontId="10"/>
  </si>
  <si>
    <t>http://nakamura-sikaiin.com（日本語）</t>
  </si>
  <si>
    <t>歯科診療所</t>
    <rPh sb="0" eb="2">
      <t>シカ</t>
    </rPh>
    <rPh sb="2" eb="5">
      <t>シンリョウショ</t>
    </rPh>
    <phoneticPr fontId="1"/>
  </si>
  <si>
    <t>ひの歯科クリニック</t>
    <rPh sb="2" eb="4">
      <t>シカ</t>
    </rPh>
    <phoneticPr fontId="10"/>
  </si>
  <si>
    <t>Hino Shika Iinn</t>
    <phoneticPr fontId="1"/>
  </si>
  <si>
    <t>693-0012</t>
  </si>
  <si>
    <t>島根県出雲市大津新崎町１丁目46-7</t>
    <rPh sb="0" eb="3">
      <t>シマネケン</t>
    </rPh>
    <phoneticPr fontId="10"/>
  </si>
  <si>
    <t>Izumosi outushinzakicho.1-46-7</t>
    <phoneticPr fontId="1"/>
  </si>
  <si>
    <t>0853-22-0331</t>
  </si>
  <si>
    <t>9：00～12：00 15：00～17：00</t>
    <phoneticPr fontId="10"/>
  </si>
  <si>
    <t>あい歯科クリニック</t>
    <rPh sb="2" eb="4">
      <t>シカ</t>
    </rPh>
    <phoneticPr fontId="10"/>
  </si>
  <si>
    <t>AI dental clinic</t>
    <phoneticPr fontId="1"/>
  </si>
  <si>
    <t>693-0058</t>
    <phoneticPr fontId="1"/>
  </si>
  <si>
    <t>島根県出雲市矢野町160-1</t>
    <rPh sb="0" eb="3">
      <t>シマネケン</t>
    </rPh>
    <rPh sb="3" eb="6">
      <t>イズモシ</t>
    </rPh>
    <rPh sb="6" eb="9">
      <t>ヤノチョウ</t>
    </rPh>
    <phoneticPr fontId="10"/>
  </si>
  <si>
    <t>160-1 Yano-cyo,Izumo-city,shimane</t>
    <phoneticPr fontId="1"/>
  </si>
  <si>
    <t>0853-24-8020</t>
    <phoneticPr fontId="1"/>
  </si>
  <si>
    <t>月、火、水、金：9:00-12:30 15:00-18:00 土:9:00-12:30 14:00-16:30</t>
    <rPh sb="0" eb="1">
      <t>ゲツ</t>
    </rPh>
    <rPh sb="2" eb="3">
      <t>カ</t>
    </rPh>
    <rPh sb="4" eb="5">
      <t>スイ</t>
    </rPh>
    <rPh sb="6" eb="7">
      <t>キン</t>
    </rPh>
    <rPh sb="31" eb="32">
      <t>ド</t>
    </rPh>
    <phoneticPr fontId="1"/>
  </si>
  <si>
    <t>歯科：EN、ＰＴ</t>
    <rPh sb="0" eb="2">
      <t>シカ</t>
    </rPh>
    <phoneticPr fontId="10"/>
  </si>
  <si>
    <t>音声翻訳機（ポケトーク）</t>
    <rPh sb="0" eb="2">
      <t>オンセイ</t>
    </rPh>
    <rPh sb="2" eb="5">
      <t>ホンヤクキ</t>
    </rPh>
    <phoneticPr fontId="1"/>
  </si>
  <si>
    <t>ふじえ歯科 矯正歯科クリニック</t>
    <phoneticPr fontId="10"/>
  </si>
  <si>
    <t>Fujie Dental ＆ Orthodontics Clinic</t>
    <phoneticPr fontId="1"/>
  </si>
  <si>
    <t>693-0052</t>
    <phoneticPr fontId="1"/>
  </si>
  <si>
    <t>島根県出雲市松寄下町713</t>
    <phoneticPr fontId="10"/>
  </si>
  <si>
    <t>713 Matsuyorishimo-cho,Izumo Shimane 693-0052,JAPAN</t>
    <phoneticPr fontId="1"/>
  </si>
  <si>
    <t>0853-21-0297</t>
    <phoneticPr fontId="1"/>
  </si>
  <si>
    <t xml:space="preserve"> 8：40～12：40　14：40～18：00 休診　日祝木</t>
    <rPh sb="24" eb="26">
      <t>キュウシン</t>
    </rPh>
    <rPh sb="27" eb="28">
      <t>ニチ</t>
    </rPh>
    <rPh sb="28" eb="29">
      <t>シュク</t>
    </rPh>
    <rPh sb="29" eb="30">
      <t>キ</t>
    </rPh>
    <phoneticPr fontId="10"/>
  </si>
  <si>
    <t>一般歯科：EN、KO、PT　　矯正歯科：EN、KO、PT</t>
    <rPh sb="0" eb="2">
      <t>イッパン</t>
    </rPh>
    <rPh sb="2" eb="4">
      <t>シカ</t>
    </rPh>
    <rPh sb="15" eb="17">
      <t>キョウセイ</t>
    </rPh>
    <rPh sb="17" eb="19">
      <t>シカ</t>
    </rPh>
    <phoneticPr fontId="7"/>
  </si>
  <si>
    <t>JCB、VISA、MasterCard、AMERICAN EXPRESS、DISCOVER、Diners Club INTERNATIONAL</t>
    <phoneticPr fontId="1"/>
  </si>
  <si>
    <t>医療法人政信会　ひかわ歯科医院</t>
    <phoneticPr fontId="10"/>
  </si>
  <si>
    <t>Medical Corporation Seishinkai HIKAWA dental clinic</t>
    <phoneticPr fontId="1"/>
  </si>
  <si>
    <t>699-0631</t>
    <phoneticPr fontId="1"/>
  </si>
  <si>
    <t>島根県出雲市斐川町直江4780</t>
    <phoneticPr fontId="10"/>
  </si>
  <si>
    <t>4780 naoe,hikawa-chou,izumo-city,shimane,Japan</t>
    <phoneticPr fontId="1"/>
  </si>
  <si>
    <t>0863-72-0909</t>
    <phoneticPr fontId="1"/>
  </si>
  <si>
    <t>月曜日～土曜日　am　9；30～1;00　㏘　3;00～7;30　休診日；日曜日、祝日　</t>
    <phoneticPr fontId="1"/>
  </si>
  <si>
    <t>歯科：EN、ZH、PT</t>
    <phoneticPr fontId="10"/>
  </si>
  <si>
    <t>かわと歯科医院</t>
    <phoneticPr fontId="10"/>
  </si>
  <si>
    <t>kawato dental office</t>
    <phoneticPr fontId="10"/>
  </si>
  <si>
    <t>693-0071</t>
    <phoneticPr fontId="10"/>
  </si>
  <si>
    <t>島根県出雲市稲岡町33-7</t>
    <phoneticPr fontId="10"/>
  </si>
  <si>
    <t>shimaneken izumosi inaokatyou 33-7</t>
    <phoneticPr fontId="1"/>
  </si>
  <si>
    <t>0853-24-2228</t>
    <phoneticPr fontId="10"/>
  </si>
  <si>
    <t>月、火、水、金、土：午前 9:00～13:00　午後 14:30～19：00</t>
    <rPh sb="0" eb="1">
      <t>ゲツ</t>
    </rPh>
    <rPh sb="2" eb="3">
      <t>カ</t>
    </rPh>
    <rPh sb="4" eb="5">
      <t>スイ</t>
    </rPh>
    <rPh sb="6" eb="7">
      <t>キン</t>
    </rPh>
    <rPh sb="8" eb="9">
      <t>ド</t>
    </rPh>
    <phoneticPr fontId="10"/>
  </si>
  <si>
    <t>https://www.kawato-dental-clinic.com/</t>
    <phoneticPr fontId="10"/>
  </si>
  <si>
    <t>歯科：EN、ZH、KO、PT</t>
    <phoneticPr fontId="7"/>
  </si>
  <si>
    <t>3204 大田</t>
    <phoneticPr fontId="7"/>
  </si>
  <si>
    <t>大田市立病院</t>
    <rPh sb="0" eb="2">
      <t>オオダ</t>
    </rPh>
    <rPh sb="2" eb="4">
      <t>シリツ</t>
    </rPh>
    <rPh sb="4" eb="6">
      <t>ビョウイン</t>
    </rPh>
    <phoneticPr fontId="10"/>
  </si>
  <si>
    <t>Oda Municipal Hospital</t>
  </si>
  <si>
    <t>694-0063</t>
  </si>
  <si>
    <t>島根県大田市大田町吉永1428-3</t>
    <rPh sb="0" eb="3">
      <t>シマネケン</t>
    </rPh>
    <rPh sb="3" eb="6">
      <t>オオダシ</t>
    </rPh>
    <rPh sb="6" eb="9">
      <t>オオダチョウ</t>
    </rPh>
    <rPh sb="9" eb="11">
      <t>ヨシナガ</t>
    </rPh>
    <phoneticPr fontId="10"/>
  </si>
  <si>
    <t>1428-3 Yoshinaga,Oda-cho,oda-shi,Shimane</t>
    <phoneticPr fontId="1"/>
  </si>
  <si>
    <t>0854-82-0330</t>
  </si>
  <si>
    <t>月-金:8:30-11:00（救急外来24時間対応) 土日・祝日：救急外来24時間対応</t>
    <phoneticPr fontId="7"/>
  </si>
  <si>
    <t>https://www.ohda-hp.ohda.shimane.jp/（日本語）</t>
    <phoneticPr fontId="10"/>
  </si>
  <si>
    <t>外科：EN 泌尿器科：EN 産婦人科：EN</t>
    <rPh sb="6" eb="10">
      <t>ヒニョウキカ</t>
    </rPh>
    <phoneticPr fontId="7"/>
  </si>
  <si>
    <t>VISA、MASTER、AMEX、Diners Club、JCB　一部使用制限あり</t>
  </si>
  <si>
    <t>翻訳機能アプリ（Voice Tra） EN,ZH,KO,PT,ES,VI,RU,DE,IT,FR,ID</t>
    <rPh sb="0" eb="2">
      <t>ホンヤク</t>
    </rPh>
    <rPh sb="2" eb="4">
      <t>キノウ</t>
    </rPh>
    <phoneticPr fontId="1"/>
  </si>
  <si>
    <t>邑智郡公立病院組合　公立邑智病院</t>
    <phoneticPr fontId="1"/>
  </si>
  <si>
    <t>Ohchi Municipal Hospital</t>
    <phoneticPr fontId="1"/>
  </si>
  <si>
    <t>島根県邑智郡邑南町中野3848-2</t>
    <phoneticPr fontId="1"/>
  </si>
  <si>
    <t>Shimane Ohchigun Ohnancho Nakano 3848-2</t>
    <phoneticPr fontId="1"/>
  </si>
  <si>
    <t>0855-95-2111</t>
    <phoneticPr fontId="1"/>
  </si>
  <si>
    <t>https://www.ohchihospital.jp/（日本語）</t>
    <phoneticPr fontId="1"/>
  </si>
  <si>
    <t>内科（総合診療科）：EN、外科：EN、整形外科：EN、小児科：EN、産婦人科：EN、泌尿器科：EN、麻酔科：EN、歯科：EN</t>
    <phoneticPr fontId="1"/>
  </si>
  <si>
    <t>ポケトークにより対応</t>
    <phoneticPr fontId="1"/>
  </si>
  <si>
    <t>医療法人社団　橘林堂　川上医院</t>
    <rPh sb="0" eb="2">
      <t>イリョウ</t>
    </rPh>
    <rPh sb="2" eb="4">
      <t>ホウジン</t>
    </rPh>
    <rPh sb="4" eb="6">
      <t>シャダン</t>
    </rPh>
    <rPh sb="7" eb="8">
      <t>タチバナ</t>
    </rPh>
    <rPh sb="8" eb="9">
      <t>ハヤシ</t>
    </rPh>
    <rPh sb="9" eb="10">
      <t>ドウ</t>
    </rPh>
    <rPh sb="11" eb="13">
      <t>カワカミ</t>
    </rPh>
    <rPh sb="13" eb="15">
      <t>イイン</t>
    </rPh>
    <phoneticPr fontId="10"/>
  </si>
  <si>
    <t>Kawakami Clinic</t>
    <phoneticPr fontId="1"/>
  </si>
  <si>
    <t>694-0011</t>
  </si>
  <si>
    <t>島根県大田市川合町川合1242-1</t>
    <rPh sb="0" eb="3">
      <t>シマネケン</t>
    </rPh>
    <rPh sb="3" eb="6">
      <t>オオダシ</t>
    </rPh>
    <rPh sb="6" eb="8">
      <t>カワイ</t>
    </rPh>
    <rPh sb="8" eb="9">
      <t>チョウ</t>
    </rPh>
    <rPh sb="9" eb="11">
      <t>カワイ</t>
    </rPh>
    <phoneticPr fontId="1"/>
  </si>
  <si>
    <t>1242-1 Kawai,Kawaicho,Ohdashi,Shimaneprefecture,694-0011</t>
    <phoneticPr fontId="1"/>
  </si>
  <si>
    <t>0854-82-0296</t>
  </si>
  <si>
    <t>月、火、木、金:9:00-12:00 16:00-18:00　水:9:00-12:00</t>
    <rPh sb="0" eb="1">
      <t>ゲツ</t>
    </rPh>
    <rPh sb="2" eb="3">
      <t>カ</t>
    </rPh>
    <rPh sb="4" eb="5">
      <t>モク</t>
    </rPh>
    <rPh sb="6" eb="7">
      <t>キン</t>
    </rPh>
    <rPh sb="31" eb="32">
      <t>スイ</t>
    </rPh>
    <phoneticPr fontId="10"/>
  </si>
  <si>
    <t>内科：EN　　小児科：EN</t>
    <phoneticPr fontId="7"/>
  </si>
  <si>
    <t>大田市国民健康保険　池田診療所</t>
    <rPh sb="0" eb="3">
      <t>オオダシ</t>
    </rPh>
    <rPh sb="3" eb="5">
      <t>コクミン</t>
    </rPh>
    <rPh sb="5" eb="7">
      <t>ケンコウ</t>
    </rPh>
    <rPh sb="7" eb="9">
      <t>ホケン</t>
    </rPh>
    <rPh sb="10" eb="12">
      <t>イケダ</t>
    </rPh>
    <rPh sb="12" eb="15">
      <t>シンリョウショ</t>
    </rPh>
    <phoneticPr fontId="10"/>
  </si>
  <si>
    <t>Ikeda Clinic</t>
    <phoneticPr fontId="1"/>
  </si>
  <si>
    <t>694-0223</t>
  </si>
  <si>
    <t>島根県大田市三瓶町池田2267-1</t>
    <rPh sb="0" eb="3">
      <t>シマネケン</t>
    </rPh>
    <rPh sb="3" eb="6">
      <t>オオダシ</t>
    </rPh>
    <rPh sb="6" eb="9">
      <t>サンベチョウ</t>
    </rPh>
    <rPh sb="9" eb="11">
      <t>イケダ</t>
    </rPh>
    <phoneticPr fontId="1"/>
  </si>
  <si>
    <t>2267-1Ikeda,Sanbecho,Oda,Shimane,694-0223</t>
    <phoneticPr fontId="1"/>
  </si>
  <si>
    <t>0854-83-3084</t>
  </si>
  <si>
    <t>月、火、水、金：8:30-12:00</t>
    <phoneticPr fontId="10"/>
  </si>
  <si>
    <t>内科：EN　　小児科： EN　　循環器科：ＥＮ</t>
    <rPh sb="16" eb="20">
      <t>ジュンカンキカ</t>
    </rPh>
    <phoneticPr fontId="10"/>
  </si>
  <si>
    <t>須田医院</t>
    <phoneticPr fontId="1"/>
  </si>
  <si>
    <t>SudaClinic</t>
  </si>
  <si>
    <t>699-2301</t>
  </si>
  <si>
    <t>島根県大田市仁摩町仁万862-1</t>
    <phoneticPr fontId="10"/>
  </si>
  <si>
    <t>862-1Nima,Nimacho,Oda,Shimane,699-2301</t>
  </si>
  <si>
    <t>0854-88-2124</t>
  </si>
  <si>
    <t>月、水:9:00-12:00 14:00-18:00火、金:9:00-12:00 16:30-18:00（14:00-16:00回診、往診）木、土:9:00-12:00</t>
    <phoneticPr fontId="7"/>
  </si>
  <si>
    <t>https://www.suda-c.jp(日本語)</t>
    <phoneticPr fontId="10"/>
  </si>
  <si>
    <t>内科：EN、ZH、KO、TL、PT、VI　　精神科：EN、ZH、KO、TL、PT、VI</t>
    <phoneticPr fontId="10"/>
  </si>
  <si>
    <t>音声翻訳機（ポケトーク）、多言語問診票</t>
    <rPh sb="0" eb="2">
      <t>オンセイ</t>
    </rPh>
    <rPh sb="2" eb="5">
      <t>ホンヤクキ</t>
    </rPh>
    <rPh sb="13" eb="16">
      <t>タゲンゴ</t>
    </rPh>
    <rPh sb="16" eb="19">
      <t>モンシンヒョウ</t>
    </rPh>
    <phoneticPr fontId="10"/>
  </si>
  <si>
    <t>前田歯科医院</t>
    <phoneticPr fontId="10"/>
  </si>
  <si>
    <t>MAEDA Dental Clinic</t>
    <phoneticPr fontId="1"/>
  </si>
  <si>
    <t>699-2511</t>
  </si>
  <si>
    <t>島根県大田市温泉津町温泉津小浜イ10-9</t>
    <rPh sb="0" eb="3">
      <t>シマネケン</t>
    </rPh>
    <phoneticPr fontId="1"/>
  </si>
  <si>
    <t>i10-9　kohama,yunotsu,yunotsu-machi,ohda-shi</t>
    <phoneticPr fontId="1"/>
  </si>
  <si>
    <t>0855-65-1502</t>
  </si>
  <si>
    <t>月・火・水・金　9：00-18：00  木9：00-11：30  土9：00-16：00</t>
    <phoneticPr fontId="10"/>
  </si>
  <si>
    <t>歯科：EN、ZH、KO、PT、ES、Other　タブレットで対応するので、基本的にタブレット対応言語全て</t>
    <phoneticPr fontId="1"/>
  </si>
  <si>
    <t>岸歯科医院</t>
    <phoneticPr fontId="1"/>
  </si>
  <si>
    <t>DENTAL KISHI</t>
    <phoneticPr fontId="1"/>
  </si>
  <si>
    <t>696-0103</t>
    <phoneticPr fontId="1"/>
  </si>
  <si>
    <t>島根県邑智郡邑南町矢上28-1</t>
    <phoneticPr fontId="1"/>
  </si>
  <si>
    <t>onantyo yakami 28-1</t>
    <phoneticPr fontId="1"/>
  </si>
  <si>
    <t>0855-95-0010</t>
    <phoneticPr fontId="1"/>
  </si>
  <si>
    <t>月・火・水・金　9：00～12：00、14：00～18：00</t>
    <phoneticPr fontId="1"/>
  </si>
  <si>
    <t>歯科：EN、ZH、KO、PT、ES、Other　ポケトークによる対応</t>
    <rPh sb="0" eb="2">
      <t>シカ</t>
    </rPh>
    <rPh sb="32" eb="34">
      <t>タイオウ</t>
    </rPh>
    <phoneticPr fontId="1"/>
  </si>
  <si>
    <t>ポケトークにより対応</t>
    <rPh sb="8" eb="10">
      <t>タイオウ</t>
    </rPh>
    <phoneticPr fontId="1"/>
  </si>
  <si>
    <t>社会医療法人清和会　西川病院</t>
    <rPh sb="0" eb="2">
      <t>シャカイ</t>
    </rPh>
    <rPh sb="2" eb="4">
      <t>イリョウ</t>
    </rPh>
    <rPh sb="4" eb="6">
      <t>ホウジン</t>
    </rPh>
    <rPh sb="6" eb="8">
      <t>セイワ</t>
    </rPh>
    <rPh sb="8" eb="9">
      <t>カイ</t>
    </rPh>
    <rPh sb="10" eb="12">
      <t>ニシカワ</t>
    </rPh>
    <rPh sb="12" eb="14">
      <t>ビョウイン</t>
    </rPh>
    <phoneticPr fontId="1"/>
  </si>
  <si>
    <t>Seiwakai Nishikawa Hospital</t>
  </si>
  <si>
    <t>697-0052</t>
  </si>
  <si>
    <t>島根県浜田市港町293-2</t>
    <rPh sb="0" eb="3">
      <t>シマネケン</t>
    </rPh>
    <rPh sb="3" eb="6">
      <t>ハマダシ</t>
    </rPh>
    <rPh sb="6" eb="8">
      <t>ミナトマチ</t>
    </rPh>
    <phoneticPr fontId="10"/>
  </si>
  <si>
    <t>293-2 Minato-machi,Hamada,Shimane</t>
  </si>
  <si>
    <t>0855-22-2390</t>
  </si>
  <si>
    <t>https://seiwakai-shimane.com/nishikawa/（日本語）
http://www.nishikawa-hospital.jp/en（英語）</t>
    <rPh sb="40" eb="43">
      <t>ニホンゴ</t>
    </rPh>
    <rPh sb="81" eb="82">
      <t>エイ</t>
    </rPh>
    <phoneticPr fontId="7"/>
  </si>
  <si>
    <t>精神科：EN</t>
    <rPh sb="0" eb="2">
      <t>セイシン</t>
    </rPh>
    <rPh sb="2" eb="3">
      <t>カ</t>
    </rPh>
    <phoneticPr fontId="10"/>
  </si>
  <si>
    <t>独立行政法人国立病院機構浜田医療センター</t>
    <phoneticPr fontId="10"/>
  </si>
  <si>
    <t>National Hospital Organization Hamada Medical Center</t>
    <phoneticPr fontId="1"/>
  </si>
  <si>
    <t>697-8511</t>
  </si>
  <si>
    <t>島根県浜田市浅井町777-12</t>
  </si>
  <si>
    <t>777-12, Asai-cho, Hamada-shi, Shimane</t>
    <phoneticPr fontId="1"/>
  </si>
  <si>
    <t>0855-25-0505</t>
  </si>
  <si>
    <t>月-金：8:30-11:00 土、日、祝　救急外来のみ</t>
    <rPh sb="0" eb="1">
      <t>ゲツ</t>
    </rPh>
    <rPh sb="2" eb="3">
      <t>キン</t>
    </rPh>
    <rPh sb="15" eb="16">
      <t>ツチ</t>
    </rPh>
    <rPh sb="17" eb="18">
      <t>ヒ</t>
    </rPh>
    <rPh sb="19" eb="20">
      <t>シュク</t>
    </rPh>
    <rPh sb="21" eb="23">
      <t>キュウキュウ</t>
    </rPh>
    <rPh sb="23" eb="25">
      <t>ガイライ</t>
    </rPh>
    <phoneticPr fontId="10"/>
  </si>
  <si>
    <t>https://hamada.hosp.go.jp/（日本語）</t>
    <phoneticPr fontId="10"/>
  </si>
  <si>
    <t>救急科：EN、ZH、KO、PT</t>
    <rPh sb="0" eb="2">
      <t>キュウキュウ</t>
    </rPh>
    <rPh sb="2" eb="3">
      <t>カ</t>
    </rPh>
    <phoneticPr fontId="1"/>
  </si>
  <si>
    <t>ポケトークまたはタブレット端末の翻訳アプリにて対応</t>
    <phoneticPr fontId="1"/>
  </si>
  <si>
    <t>社会福祉法人恩賜財団済生会島根県済生会江津総合病院</t>
    <phoneticPr fontId="1"/>
  </si>
  <si>
    <t>ShimanekenSaiseikaiGotsuGeneralHospital</t>
  </si>
  <si>
    <t>695-8505</t>
  </si>
  <si>
    <t>島根県江津市江津町1016番37号</t>
  </si>
  <si>
    <t>1016-37,Gotsucho,Gotsu-city,Shimane,695-8505</t>
  </si>
  <si>
    <t>0855-54-0101</t>
  </si>
  <si>
    <t>https://saiseikai-gotsu.jp(日本語)</t>
    <phoneticPr fontId="7"/>
  </si>
  <si>
    <t>内科：EN　　外科：EN　　産科：EN　　婦人科：EN　　その他：EN</t>
    <rPh sb="31" eb="32">
      <t>タ</t>
    </rPh>
    <phoneticPr fontId="1"/>
  </si>
  <si>
    <t>EN、ZH、KO　24時間対応
その他の言語　8：30－24：00（毎日）</t>
    <rPh sb="11" eb="13">
      <t>ジカン</t>
    </rPh>
    <rPh sb="13" eb="15">
      <t>タイオウ</t>
    </rPh>
    <rPh sb="18" eb="19">
      <t>タ</t>
    </rPh>
    <rPh sb="20" eb="22">
      <t>ゲンゴ</t>
    </rPh>
    <rPh sb="34" eb="36">
      <t>マイニチ</t>
    </rPh>
    <phoneticPr fontId="10"/>
  </si>
  <si>
    <t>斎藤医院</t>
    <rPh sb="0" eb="2">
      <t>サイトウ</t>
    </rPh>
    <rPh sb="2" eb="4">
      <t>イイン</t>
    </rPh>
    <phoneticPr fontId="10"/>
  </si>
  <si>
    <t>Saito Clinic</t>
    <phoneticPr fontId="1"/>
  </si>
  <si>
    <t>697-0033</t>
  </si>
  <si>
    <t>島根県浜田市朝日町11番地1</t>
    <phoneticPr fontId="1"/>
  </si>
  <si>
    <t>11-1Asahimachi,Hamada,Shimane,697-0033</t>
    <phoneticPr fontId="1"/>
  </si>
  <si>
    <t>0855-23-0228</t>
  </si>
  <si>
    <t>月-金：8:30-12:00 15:00-18:00 土:8:30-12:00 13:30-15:30</t>
    <rPh sb="0" eb="1">
      <t>ゲツ</t>
    </rPh>
    <rPh sb="2" eb="3">
      <t>キン</t>
    </rPh>
    <rPh sb="27" eb="28">
      <t>ド</t>
    </rPh>
    <phoneticPr fontId="10"/>
  </si>
  <si>
    <t>内科：EN、FR　_x000D_　小児科：EN、FR</t>
    <phoneticPr fontId="1"/>
  </si>
  <si>
    <t>山根歯科医院</t>
    <rPh sb="0" eb="6">
      <t>ヤマネシカイイン</t>
    </rPh>
    <phoneticPr fontId="10"/>
  </si>
  <si>
    <t>Yamane Dental Clinic</t>
    <phoneticPr fontId="1"/>
  </si>
  <si>
    <t>699-3211</t>
    <phoneticPr fontId="1"/>
  </si>
  <si>
    <t>島根県浜田市三隅町三隅1325-1</t>
    <rPh sb="0" eb="3">
      <t>シマネケン</t>
    </rPh>
    <rPh sb="3" eb="6">
      <t>ハマダシ</t>
    </rPh>
    <rPh sb="6" eb="8">
      <t>ミスミ</t>
    </rPh>
    <rPh sb="8" eb="9">
      <t>チョウ</t>
    </rPh>
    <rPh sb="9" eb="11">
      <t>ミスミ</t>
    </rPh>
    <phoneticPr fontId="10"/>
  </si>
  <si>
    <t>1325-1, Misumi, Misumi Town, Hamada City, Shimane-ken</t>
    <phoneticPr fontId="1"/>
  </si>
  <si>
    <t>0855-32-0145</t>
    <phoneticPr fontId="1"/>
  </si>
  <si>
    <t>月～金　8:30～12:00、14:00～18:00　 土　8:30～12:00</t>
    <phoneticPr fontId="10"/>
  </si>
  <si>
    <t>歯科：EN スマホ翻訳アプリ</t>
    <rPh sb="9" eb="11">
      <t>ホンヤク</t>
    </rPh>
    <phoneticPr fontId="7"/>
  </si>
  <si>
    <t>益田赤十字病院</t>
  </si>
  <si>
    <t>Japanese Red Cross Masuda Hospital</t>
    <phoneticPr fontId="1"/>
  </si>
  <si>
    <t>698-8501</t>
  </si>
  <si>
    <t>島根県益田市乙吉町イ103-1</t>
    <phoneticPr fontId="1"/>
  </si>
  <si>
    <t>ｲ103-1 Otoyoshicyo,Masuda City,Shimane Prefecture</t>
    <phoneticPr fontId="1"/>
  </si>
  <si>
    <t>0856-22-1480</t>
  </si>
  <si>
    <t>月-金:8:00-11:30</t>
  </si>
  <si>
    <t>https://masuda.jrc.or.jp/(日本語)</t>
    <phoneticPr fontId="10"/>
  </si>
  <si>
    <t>救急科：EN　　内科：EN　　外科：EN　　小児科：EN　　泌尿器科：EN　整形外科：EN　　産科：EN　　婦人科：EN</t>
    <phoneticPr fontId="1"/>
  </si>
  <si>
    <t>翻訳機または携帯の翻訳ソフトでの対応</t>
  </si>
  <si>
    <t>医療法人　しらがみ歯科</t>
  </si>
  <si>
    <t>Shiragami Dental Clinic</t>
    <phoneticPr fontId="1"/>
  </si>
  <si>
    <t>698-0001</t>
  </si>
  <si>
    <t>島根県益田市久城町911-2</t>
    <rPh sb="0" eb="3">
      <t>シマネケン</t>
    </rPh>
    <phoneticPr fontId="1"/>
  </si>
  <si>
    <t>911-2 kushiro-cho,masuda-shi</t>
    <phoneticPr fontId="1"/>
  </si>
  <si>
    <t>0856-31-0202</t>
  </si>
  <si>
    <t>（月・火・金）9：00-13：00.14：30-19：00（水）9：00-13：00.15：00-19：00（木）9：00-13：00（土）9：00-13：00.14：00-17：00</t>
    <phoneticPr fontId="10"/>
  </si>
  <si>
    <t>https://shiragami-dent.or.jp/（日本語）</t>
    <rPh sb="30" eb="33">
      <t>ニホンゴ</t>
    </rPh>
    <phoneticPr fontId="10"/>
  </si>
  <si>
    <t>歯科：EN、KO、PT、ES、Other　スマートフォンのアプリケーション利用</t>
    <rPh sb="0" eb="2">
      <t>シカ</t>
    </rPh>
    <rPh sb="37" eb="39">
      <t>リヨウ</t>
    </rPh>
    <phoneticPr fontId="1"/>
  </si>
  <si>
    <t>スマートフォンのアプリケーションを使って対応させてもらってます。ほぼ可能です。</t>
    <phoneticPr fontId="1"/>
  </si>
  <si>
    <t>みゆき歯科</t>
    <rPh sb="3" eb="5">
      <t>シカ</t>
    </rPh>
    <phoneticPr fontId="10"/>
  </si>
  <si>
    <t>Miyuki Dental Clinic</t>
  </si>
  <si>
    <t>698-0011</t>
  </si>
  <si>
    <t>島根県益田市染羽町4-35</t>
    <rPh sb="0" eb="3">
      <t>シマネケン</t>
    </rPh>
    <rPh sb="3" eb="6">
      <t>マスダシ</t>
    </rPh>
    <rPh sb="6" eb="8">
      <t>ソメハ</t>
    </rPh>
    <rPh sb="8" eb="9">
      <t>チョウ</t>
    </rPh>
    <phoneticPr fontId="10"/>
  </si>
  <si>
    <t>4-35Somebacho.Masda.shimane.698-0011</t>
  </si>
  <si>
    <t>0856-31-2272</t>
  </si>
  <si>
    <t>月、火、金：9:00-12:30 14:30-19:00 水：9:00-12:30 14:30-18:00 土:9:00-12:30 14:30-17:00</t>
    <rPh sb="0" eb="1">
      <t>ゲツ</t>
    </rPh>
    <rPh sb="2" eb="3">
      <t>カ</t>
    </rPh>
    <rPh sb="4" eb="5">
      <t>キン</t>
    </rPh>
    <rPh sb="29" eb="30">
      <t>スイ</t>
    </rPh>
    <rPh sb="54" eb="55">
      <t>ド</t>
    </rPh>
    <phoneticPr fontId="10"/>
  </si>
  <si>
    <t>https://miyuki-dc.com/（日本語）</t>
    <phoneticPr fontId="10"/>
  </si>
  <si>
    <t>歯科：EN、ZH、RU、ID、MS、ES、PT、MN、FR、DE、TR、UR 、Other　ポケトーク利用</t>
    <rPh sb="0" eb="2">
      <t>シカ</t>
    </rPh>
    <rPh sb="20" eb="21">
      <t>ゴ</t>
    </rPh>
    <rPh sb="26" eb="27">
      <t>ゴ</t>
    </rPh>
    <rPh sb="33" eb="34">
      <t>ゴ</t>
    </rPh>
    <rPh sb="51" eb="53">
      <t>リヨウ</t>
    </rPh>
    <phoneticPr fontId="1"/>
  </si>
  <si>
    <t>自動翻訳機にて対応可</t>
    <phoneticPr fontId="1"/>
  </si>
  <si>
    <t>ポケトークにて対応可　85言語</t>
    <phoneticPr fontId="1"/>
  </si>
  <si>
    <t>医療法人　如水会　おがさわら歯科</t>
    <phoneticPr fontId="1"/>
  </si>
  <si>
    <t>OgasawaraSika</t>
    <phoneticPr fontId="1"/>
  </si>
  <si>
    <t>699-5513</t>
  </si>
  <si>
    <t>島根県鹿足郡吉賀町六日市411-3</t>
    <rPh sb="0" eb="3">
      <t>シマネケン</t>
    </rPh>
    <phoneticPr fontId="1"/>
  </si>
  <si>
    <t>411-3muikaichi,yoshika-cho,kanoashi-gun</t>
    <phoneticPr fontId="1"/>
  </si>
  <si>
    <t>0856-77-3052</t>
  </si>
  <si>
    <t>9:00-12:00（月Mon、火Tue、水Wed、金Fri）15:00-17:00（月Mon、火Tue、水Wed、金Fri）9:00-12:00（土Sat）木Thu、日Sun、祝日休み</t>
    <rPh sb="89" eb="91">
      <t>シュクジツ</t>
    </rPh>
    <phoneticPr fontId="10"/>
  </si>
  <si>
    <t>歯科：VI、ID、KM、ZH、EN、Other　ポケトーク利用</t>
    <rPh sb="0" eb="2">
      <t>シカ</t>
    </rPh>
    <rPh sb="29" eb="31">
      <t>リヨウ</t>
    </rPh>
    <phoneticPr fontId="1"/>
  </si>
  <si>
    <t>ポケトークにて対応74言語</t>
    <rPh sb="7" eb="9">
      <t>タイオウ</t>
    </rPh>
    <rPh sb="11" eb="13">
      <t>ゲンゴ</t>
    </rPh>
    <phoneticPr fontId="1"/>
  </si>
  <si>
    <t>隠岐広域連合立隠岐島前病院</t>
    <phoneticPr fontId="10"/>
  </si>
  <si>
    <t>OkidozenHospital</t>
    <phoneticPr fontId="1"/>
  </si>
  <si>
    <t>684-0303</t>
    <phoneticPr fontId="1"/>
  </si>
  <si>
    <t>島根県隠岐郡西ノ島町大字美田2071番地1</t>
    <phoneticPr fontId="1"/>
  </si>
  <si>
    <t>2071-1Mita,Nishinoshimacho,Oki-gun,Shimane,684-0303</t>
    <phoneticPr fontId="1"/>
  </si>
  <si>
    <t>08514-7-8211</t>
    <phoneticPr fontId="1"/>
  </si>
  <si>
    <t>月-金:9:00-11:30　土、日、祝　救急外来のみ</t>
    <rPh sb="0" eb="1">
      <t>ゲツ</t>
    </rPh>
    <rPh sb="2" eb="3">
      <t>キン</t>
    </rPh>
    <rPh sb="15" eb="16">
      <t>ド</t>
    </rPh>
    <rPh sb="17" eb="18">
      <t>ニチ</t>
    </rPh>
    <rPh sb="19" eb="20">
      <t>シュク</t>
    </rPh>
    <rPh sb="21" eb="23">
      <t>キュウキュウ</t>
    </rPh>
    <rPh sb="23" eb="25">
      <t>ガイライ</t>
    </rPh>
    <phoneticPr fontId="10"/>
  </si>
  <si>
    <t>http://okidozenhospital.com/(日本語)</t>
  </si>
  <si>
    <t>救急科：EN、_x000D_内科：EN、外科：EN</t>
    <phoneticPr fontId="1"/>
  </si>
  <si>
    <t>隠岐広域連合立隠岐病院</t>
    <phoneticPr fontId="10"/>
  </si>
  <si>
    <t>OkiHospital</t>
  </si>
  <si>
    <t>685-0016</t>
  </si>
  <si>
    <t>島根県隠岐郡隠岐の島町城北町355番地</t>
    <phoneticPr fontId="10"/>
  </si>
  <si>
    <t>355Johokumachi,Okinoshima-cho,Oki-gun,Shimane,685-0016</t>
  </si>
  <si>
    <t>08512-2-1356</t>
  </si>
  <si>
    <t>月-金:8:00-11:00 土、日、祝　救急外来のみ</t>
    <rPh sb="0" eb="1">
      <t>ゲツ</t>
    </rPh>
    <rPh sb="2" eb="3">
      <t>キン</t>
    </rPh>
    <phoneticPr fontId="10"/>
  </si>
  <si>
    <t>https://www.oki-hospital.com(日本語)</t>
    <phoneticPr fontId="7"/>
  </si>
  <si>
    <t>救急科：EN、ZH、KO、PT、ES内科：EN、ZH、KO、PT、ES外科：EN、ZH、KO、PT、ES小児科：EN、ZH、KO、PT、ES精神科：EEN、ZH、KO、PT、ES皮膚科：EN、ZH、KO、PT、ES泌尿器科：EN、ZH、KO、PT、ES整形外科：EN、ZH、KO、PT、ES
眼科：EN、ZH、KO、PT、ES
耳鼻咽喉科：EN、ZH、KO、PT、ES
産科：EN、ZH、KO、PT、ES
婦人科：EN、ZH、KO、PT、ES
歯科：EN、ZH、KO、PT、ES</t>
    <phoneticPr fontId="10"/>
  </si>
  <si>
    <t>VISA、MASTER、AMEX、Diners Club、JCB、その他</t>
  </si>
  <si>
    <t>EN、ZH、KO、PT、ES</t>
  </si>
  <si>
    <t>日本医療通訳サービス（救急外来にてタブレット対応）</t>
    <phoneticPr fontId="1"/>
  </si>
  <si>
    <t>VISA、MASTER、AMEX、Diners Club、JCB、DISCOVER、その他</t>
    <phoneticPr fontId="7"/>
  </si>
  <si>
    <t>西部島根医療福祉センター</t>
    <rPh sb="0" eb="2">
      <t>セイブ</t>
    </rPh>
    <rPh sb="2" eb="4">
      <t>シマネ</t>
    </rPh>
    <rPh sb="4" eb="6">
      <t>イリョウ</t>
    </rPh>
    <rPh sb="6" eb="8">
      <t>フクシ</t>
    </rPh>
    <phoneticPr fontId="1"/>
  </si>
  <si>
    <t>Western Shimane Medical and Welfare Center</t>
    <phoneticPr fontId="1"/>
  </si>
  <si>
    <t>695-0001</t>
    <phoneticPr fontId="1"/>
  </si>
  <si>
    <t>島根県江津市渡津町1926</t>
    <phoneticPr fontId="1"/>
  </si>
  <si>
    <t>1926　Watazu-cho, Gotsu City, Shimane Prefecture</t>
    <phoneticPr fontId="1"/>
  </si>
  <si>
    <t>0855-52-2442</t>
    <phoneticPr fontId="1"/>
  </si>
  <si>
    <t>月～金　8:30～17:00 　土8：30～12:00</t>
    <phoneticPr fontId="1"/>
  </si>
  <si>
    <t>http://www.sw-shimasei.or.jp/</t>
    <phoneticPr fontId="1"/>
  </si>
  <si>
    <t>さかいDENTAL CLINIC OKI</t>
    <phoneticPr fontId="1"/>
  </si>
  <si>
    <t>SAKAI DENTAL CLINIC OKI</t>
    <phoneticPr fontId="1"/>
  </si>
  <si>
    <t>685-0014</t>
    <phoneticPr fontId="1"/>
  </si>
  <si>
    <t>島根県隠岐郡隠岐の島町西町吉田3-16-11</t>
    <phoneticPr fontId="1"/>
  </si>
  <si>
    <t>3-16-1 nishimachiyoshida, okinoshimacho , Okigun, Shimane Prefecture</t>
    <phoneticPr fontId="1"/>
  </si>
  <si>
    <t>08512-2-0606</t>
    <phoneticPr fontId="1"/>
  </si>
  <si>
    <t>月、火、木、金9:00～12:30    土9:00～13:00</t>
    <phoneticPr fontId="1"/>
  </si>
  <si>
    <t>iPadの翻訳など</t>
    <phoneticPr fontId="1"/>
  </si>
  <si>
    <t>整形外科、リウマチ科、リハビリテーション科、小児科、歯科口腔外科、外科、循環器内科、神経内科、消化器内科、糖尿病内科
内科、耳鼻咽喉科、皮膚科、小児脳神経外科　※全ての診療科が対応できる言語：EN、ZH、RU、KO、TH、MS、ID、TA、VI、FR、HI、IT、NE、AR、TL、KM、DE、MY、MN、UK</t>
    <phoneticPr fontId="1"/>
  </si>
  <si>
    <t>月-金:8:30-11:00（救急外来24時間対応)、土日・祝日：救急外来24時間対応</t>
    <phoneticPr fontId="1"/>
  </si>
  <si>
    <r>
      <t xml:space="preserve">訪日外国人患者診療価格（円）
</t>
    </r>
    <r>
      <rPr>
        <b/>
        <sz val="12"/>
        <color theme="0"/>
        <rFont val="ＭＳ Ｐゴシック"/>
        <family val="3"/>
        <charset val="128"/>
      </rPr>
      <t>令和７年12月末時点の訪日外国人患者診療価格（税抜）</t>
    </r>
    <rPh sb="0" eb="2">
      <t>ホウニチ</t>
    </rPh>
    <rPh sb="2" eb="5">
      <t>ガイコクジン</t>
    </rPh>
    <rPh sb="5" eb="7">
      <t>カンジャ</t>
    </rPh>
    <rPh sb="7" eb="9">
      <t>シンリョウ</t>
    </rPh>
    <rPh sb="9" eb="11">
      <t>カカク</t>
    </rPh>
    <rPh sb="12" eb="13">
      <t>エン</t>
    </rPh>
    <phoneticPr fontId="1"/>
  </si>
  <si>
    <t>社会医療法人昌林会　安来第一病院</t>
    <phoneticPr fontId="1"/>
  </si>
  <si>
    <r>
      <t xml:space="preserve">年間訪日外国人患者実績
</t>
    </r>
    <r>
      <rPr>
        <b/>
        <sz val="12"/>
        <color theme="0"/>
        <rFont val="ＭＳ Ｐゴシック"/>
        <family val="3"/>
        <charset val="128"/>
      </rPr>
      <t>訪日外国人患者数が250人以上の場合は、「○」</t>
    </r>
    <rPh sb="0" eb="2">
      <t>ネンカン</t>
    </rPh>
    <rPh sb="2" eb="4">
      <t>ホウニチ</t>
    </rPh>
    <rPh sb="4" eb="7">
      <t>ガイコクジン</t>
    </rPh>
    <rPh sb="7" eb="9">
      <t>カンジャ</t>
    </rPh>
    <rPh sb="9" eb="11">
      <t>ジッセ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36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u/>
      <sz val="11"/>
      <color theme="10"/>
      <name val="游ゴシック"/>
      <family val="2"/>
      <charset val="128"/>
      <scheme val="minor"/>
    </font>
    <font>
      <sz val="10"/>
      <color rgb="FF000000"/>
      <name val="Arial"/>
      <family val="2"/>
    </font>
    <font>
      <sz val="11"/>
      <color theme="1"/>
      <name val="游ゴシック"/>
      <family val="3"/>
      <charset val="128"/>
      <scheme val="minor"/>
    </font>
    <font>
      <b/>
      <sz val="12"/>
      <color theme="0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6"/>
      <name val="游ゴシック"/>
      <family val="3"/>
      <charset val="128"/>
    </font>
    <font>
      <sz val="20"/>
      <color indexed="10"/>
      <name val="メイリオ"/>
      <family val="3"/>
      <charset val="128"/>
    </font>
    <font>
      <b/>
      <sz val="11"/>
      <color theme="0"/>
      <name val="ＭＳ Ｐゴシック"/>
      <family val="3"/>
      <charset val="128"/>
    </font>
    <font>
      <sz val="11"/>
      <color indexed="8"/>
      <name val="游ゴシック"/>
      <family val="3"/>
      <charset val="128"/>
    </font>
    <font>
      <sz val="11"/>
      <color theme="1"/>
      <name val="游ゴシック"/>
      <family val="2"/>
      <charset val="128"/>
      <scheme val="minor"/>
    </font>
    <font>
      <sz val="11"/>
      <color rgb="FF006100"/>
      <name val="ＭＳ Ｐゴシック"/>
      <family val="2"/>
      <charset val="128"/>
    </font>
    <font>
      <u/>
      <sz val="11"/>
      <color theme="10"/>
      <name val="游ゴシック"/>
      <family val="3"/>
      <charset val="128"/>
      <scheme val="minor"/>
    </font>
    <font>
      <sz val="10"/>
      <color theme="1"/>
      <name val="Meiryo UI"/>
      <family val="3"/>
      <charset val="128"/>
    </font>
    <font>
      <sz val="12"/>
      <color theme="1"/>
      <name val="ＭＳ Ｐゴシック"/>
      <family val="3"/>
      <charset val="128"/>
    </font>
    <font>
      <b/>
      <sz val="15"/>
      <color theme="3"/>
      <name val="游ゴシック"/>
      <family val="2"/>
      <charset val="128"/>
      <scheme val="minor"/>
    </font>
    <font>
      <sz val="11"/>
      <color theme="1"/>
      <name val="游ゴシック"/>
      <family val="3"/>
      <charset val="128"/>
    </font>
    <font>
      <u/>
      <sz val="11"/>
      <color indexed="30"/>
      <name val="游ゴシック"/>
      <family val="3"/>
      <charset val="128"/>
    </font>
    <font>
      <u/>
      <sz val="11"/>
      <color theme="10"/>
      <name val="游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theme="1"/>
      <name val="游ゴシック"/>
      <family val="3"/>
      <scheme val="minor"/>
    </font>
    <font>
      <sz val="11"/>
      <color indexed="8"/>
      <name val="游ゴシック"/>
      <family val="3"/>
    </font>
    <font>
      <u/>
      <sz val="11"/>
      <color indexed="30"/>
      <name val="游ゴシック"/>
      <family val="3"/>
    </font>
    <font>
      <u/>
      <sz val="11"/>
      <color theme="10"/>
      <name val="游ゴシック"/>
      <family val="3"/>
      <scheme val="minor"/>
    </font>
    <font>
      <u/>
      <sz val="12"/>
      <color theme="10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6"/>
      <color theme="1"/>
      <name val="ＭＳ Ｐゴシック"/>
      <family val="3"/>
      <charset val="128"/>
    </font>
    <font>
      <sz val="11"/>
      <color rgb="FFFF0000"/>
      <name val="ＭＳ Ｐゴシック"/>
      <family val="2"/>
      <charset val="128"/>
    </font>
    <font>
      <b/>
      <sz val="12"/>
      <color rgb="FFFF0000"/>
      <name val="ＭＳ Ｐゴシック"/>
      <family val="3"/>
      <charset val="128"/>
    </font>
    <font>
      <sz val="11"/>
      <color theme="1"/>
      <name val="游ゴシック"/>
      <family val="2"/>
      <scheme val="minor"/>
    </font>
    <font>
      <u/>
      <sz val="11"/>
      <color theme="1"/>
      <name val="ＭＳ Ｐゴシック"/>
      <family val="3"/>
      <charset val="128"/>
    </font>
    <font>
      <b/>
      <sz val="14"/>
      <color theme="1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u/>
      <sz val="11"/>
      <color theme="10"/>
      <name val="游ゴシック"/>
      <family val="2"/>
      <scheme val="minor"/>
    </font>
    <font>
      <b/>
      <sz val="16"/>
      <color theme="0"/>
      <name val="ＭＳ Ｐゴシック"/>
      <family val="3"/>
      <charset val="128"/>
    </font>
  </fonts>
  <fills count="9">
    <fill>
      <patternFill patternType="none"/>
    </fill>
    <fill>
      <patternFill patternType="gray125"/>
    </fill>
    <fill>
      <patternFill patternType="solid">
        <fgColor rgb="FF203764"/>
        <bgColor indexed="64"/>
      </patternFill>
    </fill>
    <fill>
      <patternFill patternType="solid">
        <fgColor theme="8" tint="-0.49998474074526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C6EFCE"/>
      </patternFill>
    </fill>
    <fill>
      <patternFill patternType="solid">
        <fgColor rgb="FFFFFF00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8" tint="0.59999389629810485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8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0"/>
    <xf numFmtId="0" fontId="4" fillId="0" borderId="0">
      <alignment vertical="center"/>
    </xf>
    <xf numFmtId="0" fontId="3" fillId="0" borderId="0"/>
    <xf numFmtId="0" fontId="11" fillId="0" borderId="0">
      <alignment vertical="center"/>
    </xf>
    <xf numFmtId="0" fontId="11" fillId="0" borderId="0">
      <alignment vertical="center"/>
    </xf>
    <xf numFmtId="0" fontId="11" fillId="0" borderId="0">
      <alignment vertical="center"/>
    </xf>
    <xf numFmtId="0" fontId="12" fillId="5" borderId="0" applyNumberFormat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0" fillId="0" borderId="0">
      <alignment vertical="center"/>
    </xf>
    <xf numFmtId="0" fontId="17" fillId="0" borderId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1" fillId="0" borderId="0">
      <alignment vertical="center"/>
    </xf>
    <xf numFmtId="0" fontId="21" fillId="0" borderId="0">
      <alignment vertical="center"/>
    </xf>
    <xf numFmtId="0" fontId="21" fillId="0" borderId="0">
      <alignment vertical="center"/>
    </xf>
    <xf numFmtId="0" fontId="11" fillId="0" borderId="0">
      <alignment vertical="center"/>
    </xf>
    <xf numFmtId="0" fontId="4" fillId="0" borderId="0">
      <alignment vertical="center"/>
    </xf>
    <xf numFmtId="0" fontId="21" fillId="0" borderId="0">
      <alignment vertical="center"/>
    </xf>
    <xf numFmtId="0" fontId="21" fillId="0" borderId="0">
      <alignment vertical="center"/>
    </xf>
    <xf numFmtId="0" fontId="22" fillId="0" borderId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0" borderId="0" applyNumberFormat="0" applyFill="0" applyBorder="0" applyAlignment="0" applyProtection="0">
      <alignment vertical="center"/>
    </xf>
    <xf numFmtId="0" fontId="25" fillId="0" borderId="0" applyNumberFormat="0" applyFill="0" applyBorder="0" applyAlignment="0" applyProtection="0">
      <alignment vertical="center"/>
    </xf>
    <xf numFmtId="0" fontId="26" fillId="0" borderId="0">
      <alignment vertical="center"/>
    </xf>
    <xf numFmtId="0" fontId="28" fillId="6" borderId="0" applyNumberFormat="0" applyBorder="0" applyAlignment="0" applyProtection="0">
      <alignment vertical="center"/>
    </xf>
    <xf numFmtId="0" fontId="11" fillId="0" borderId="0">
      <alignment vertical="center"/>
    </xf>
    <xf numFmtId="0" fontId="10" fillId="0" borderId="0" applyNumberFormat="0" applyFill="0" applyBorder="0" applyProtection="0">
      <alignment vertical="center"/>
    </xf>
    <xf numFmtId="0" fontId="4" fillId="0" borderId="0">
      <alignment vertical="center"/>
    </xf>
    <xf numFmtId="0" fontId="30" fillId="0" borderId="0"/>
    <xf numFmtId="0" fontId="21" fillId="0" borderId="0">
      <alignment vertical="center"/>
    </xf>
    <xf numFmtId="0" fontId="21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4" fillId="0" borderId="0"/>
    <xf numFmtId="0" fontId="34" fillId="0" borderId="0" applyNumberFormat="0" applyFill="0" applyBorder="0" applyAlignment="0" applyProtection="0">
      <alignment vertical="center"/>
    </xf>
    <xf numFmtId="0" fontId="13" fillId="0" borderId="0" applyNumberFormat="0" applyFill="0" applyBorder="0" applyAlignment="0" applyProtection="0"/>
    <xf numFmtId="0" fontId="21" fillId="0" borderId="0"/>
  </cellStyleXfs>
  <cellXfs count="51">
    <xf numFmtId="0" fontId="0" fillId="0" borderId="0" xfId="0">
      <alignment vertical="center"/>
    </xf>
    <xf numFmtId="0" fontId="5" fillId="3" borderId="0" xfId="3" applyFont="1" applyFill="1" applyAlignment="1">
      <alignment vertical="top" wrapText="1"/>
    </xf>
    <xf numFmtId="0" fontId="5" fillId="2" borderId="0" xfId="3" applyFont="1" applyFill="1" applyAlignment="1">
      <alignment vertical="top" wrapText="1"/>
    </xf>
    <xf numFmtId="0" fontId="9" fillId="3" borderId="0" xfId="3" applyFont="1" applyFill="1" applyAlignment="1">
      <alignment vertical="top" wrapText="1"/>
    </xf>
    <xf numFmtId="0" fontId="15" fillId="4" borderId="0" xfId="3" applyFont="1" applyFill="1" applyAlignment="1">
      <alignment vertical="center" wrapText="1"/>
    </xf>
    <xf numFmtId="0" fontId="15" fillId="4" borderId="0" xfId="3" applyFont="1" applyFill="1">
      <alignment vertical="center"/>
    </xf>
    <xf numFmtId="0" fontId="15" fillId="4" borderId="0" xfId="0" applyFont="1" applyFill="1">
      <alignment vertical="center"/>
    </xf>
    <xf numFmtId="0" fontId="11" fillId="4" borderId="0" xfId="0" applyFont="1" applyFill="1">
      <alignment vertical="center"/>
    </xf>
    <xf numFmtId="0" fontId="20" fillId="4" borderId="0" xfId="17" applyFont="1" applyFill="1">
      <alignment vertical="center"/>
    </xf>
    <xf numFmtId="0" fontId="20" fillId="4" borderId="0" xfId="0" applyFont="1" applyFill="1">
      <alignment vertical="center"/>
    </xf>
    <xf numFmtId="0" fontId="20" fillId="4" borderId="0" xfId="0" applyFont="1" applyFill="1" applyAlignment="1">
      <alignment vertical="center" wrapText="1"/>
    </xf>
    <xf numFmtId="0" fontId="11" fillId="4" borderId="0" xfId="0" applyFont="1" applyFill="1" applyAlignment="1">
      <alignment vertical="center" wrapText="1"/>
    </xf>
    <xf numFmtId="0" fontId="15" fillId="4" borderId="0" xfId="18" applyFont="1" applyFill="1">
      <alignment vertical="center"/>
    </xf>
    <xf numFmtId="0" fontId="11" fillId="4" borderId="0" xfId="17" applyFill="1">
      <alignment vertical="center"/>
    </xf>
    <xf numFmtId="0" fontId="15" fillId="0" borderId="0" xfId="3" applyFont="1">
      <alignment vertical="center"/>
    </xf>
    <xf numFmtId="0" fontId="5" fillId="0" borderId="0" xfId="3" applyFont="1" applyAlignment="1">
      <alignment vertical="top" wrapText="1"/>
    </xf>
    <xf numFmtId="0" fontId="14" fillId="7" borderId="0" xfId="27" applyFont="1" applyFill="1">
      <alignment vertical="center"/>
    </xf>
    <xf numFmtId="0" fontId="14" fillId="7" borderId="2" xfId="27" applyFont="1" applyFill="1" applyBorder="1">
      <alignment vertical="center"/>
    </xf>
    <xf numFmtId="0" fontId="14" fillId="0" borderId="3" xfId="27" applyFont="1" applyBorder="1">
      <alignment vertical="center"/>
    </xf>
    <xf numFmtId="0" fontId="14" fillId="0" borderId="4" xfId="27" applyFont="1" applyBorder="1">
      <alignment vertical="center"/>
    </xf>
    <xf numFmtId="0" fontId="14" fillId="8" borderId="4" xfId="27" applyFont="1" applyFill="1" applyBorder="1">
      <alignment vertical="center"/>
    </xf>
    <xf numFmtId="0" fontId="14" fillId="0" borderId="5" xfId="27" applyFont="1" applyBorder="1">
      <alignment vertical="center"/>
    </xf>
    <xf numFmtId="0" fontId="14" fillId="0" borderId="6" xfId="27" applyFont="1" applyBorder="1">
      <alignment vertical="center"/>
    </xf>
    <xf numFmtId="0" fontId="14" fillId="0" borderId="0" xfId="27" applyFont="1">
      <alignment vertical="center"/>
    </xf>
    <xf numFmtId="0" fontId="14" fillId="8" borderId="0" xfId="27" applyFont="1" applyFill="1">
      <alignment vertical="center"/>
    </xf>
    <xf numFmtId="0" fontId="14" fillId="0" borderId="2" xfId="27" applyFont="1" applyBorder="1">
      <alignment vertical="center"/>
    </xf>
    <xf numFmtId="0" fontId="14" fillId="8" borderId="2" xfId="27" applyFont="1" applyFill="1" applyBorder="1">
      <alignment vertical="center"/>
    </xf>
    <xf numFmtId="0" fontId="14" fillId="8" borderId="6" xfId="27" applyFont="1" applyFill="1" applyBorder="1">
      <alignment vertical="center"/>
    </xf>
    <xf numFmtId="0" fontId="14" fillId="8" borderId="7" xfId="27" applyFont="1" applyFill="1" applyBorder="1">
      <alignment vertical="center"/>
    </xf>
    <xf numFmtId="0" fontId="14" fillId="0" borderId="1" xfId="27" applyFont="1" applyBorder="1">
      <alignment vertical="center"/>
    </xf>
    <xf numFmtId="0" fontId="14" fillId="0" borderId="8" xfId="27" applyFont="1" applyBorder="1">
      <alignment vertical="center"/>
    </xf>
    <xf numFmtId="0" fontId="32" fillId="0" borderId="0" xfId="0" applyFont="1">
      <alignment vertical="center"/>
    </xf>
    <xf numFmtId="0" fontId="33" fillId="0" borderId="0" xfId="0" applyFont="1">
      <alignment vertical="center"/>
    </xf>
    <xf numFmtId="0" fontId="35" fillId="3" borderId="0" xfId="3" applyFont="1" applyFill="1" applyAlignment="1">
      <alignment vertical="top" wrapText="1"/>
    </xf>
    <xf numFmtId="0" fontId="31" fillId="0" borderId="11" xfId="1" applyFont="1" applyFill="1" applyBorder="1">
      <alignment vertical="center"/>
    </xf>
    <xf numFmtId="0" fontId="15" fillId="0" borderId="11" xfId="3" applyFont="1" applyFill="1" applyBorder="1">
      <alignment vertical="center"/>
    </xf>
    <xf numFmtId="0" fontId="15" fillId="0" borderId="11" xfId="3" applyFont="1" applyFill="1" applyBorder="1" applyAlignment="1">
      <alignment vertical="top" wrapText="1"/>
    </xf>
    <xf numFmtId="0" fontId="15" fillId="0" borderId="11" xfId="4" applyFont="1" applyFill="1" applyBorder="1" applyAlignment="1">
      <alignment horizontal="left" vertical="center"/>
    </xf>
    <xf numFmtId="0" fontId="15" fillId="0" borderId="0" xfId="3" applyFont="1" applyFill="1">
      <alignment vertical="center"/>
    </xf>
    <xf numFmtId="176" fontId="27" fillId="0" borderId="11" xfId="3" applyNumberFormat="1" applyFont="1" applyFill="1" applyBorder="1" applyAlignment="1">
      <alignment horizontal="center" vertical="center"/>
    </xf>
    <xf numFmtId="0" fontId="27" fillId="0" borderId="11" xfId="3" applyFont="1" applyFill="1" applyBorder="1" applyAlignment="1">
      <alignment horizontal="center" vertical="center"/>
    </xf>
    <xf numFmtId="176" fontId="27" fillId="0" borderId="11" xfId="3" applyNumberFormat="1" applyFont="1" applyFill="1" applyBorder="1" applyAlignment="1">
      <alignment horizontal="center" vertical="center" wrapText="1"/>
    </xf>
    <xf numFmtId="0" fontId="15" fillId="0" borderId="11" xfId="3" applyFont="1" applyFill="1" applyBorder="1" applyAlignment="1">
      <alignment vertical="center" wrapText="1"/>
    </xf>
    <xf numFmtId="0" fontId="15" fillId="0" borderId="9" xfId="3" applyFont="1" applyFill="1" applyBorder="1">
      <alignment vertical="center"/>
    </xf>
    <xf numFmtId="0" fontId="15" fillId="0" borderId="10" xfId="3" applyFont="1" applyFill="1" applyBorder="1" applyAlignment="1">
      <alignment vertical="center" wrapText="1"/>
    </xf>
    <xf numFmtId="0" fontId="20" fillId="0" borderId="11" xfId="0" applyFont="1" applyFill="1" applyBorder="1">
      <alignment vertical="center"/>
    </xf>
    <xf numFmtId="0" fontId="15" fillId="0" borderId="9" xfId="3" applyFont="1" applyFill="1" applyBorder="1" applyAlignment="1">
      <alignment vertical="center" wrapText="1"/>
    </xf>
    <xf numFmtId="0" fontId="15" fillId="0" borderId="11" xfId="0" applyFont="1" applyFill="1" applyBorder="1">
      <alignment vertical="center"/>
    </xf>
    <xf numFmtId="0" fontId="15" fillId="0" borderId="11" xfId="0" applyFont="1" applyFill="1" applyBorder="1" applyAlignment="1">
      <alignment vertical="center" wrapText="1"/>
    </xf>
    <xf numFmtId="0" fontId="15" fillId="0" borderId="11" xfId="0" applyFont="1" applyFill="1" applyBorder="1" applyAlignment="1">
      <alignment horizontal="left" vertical="center"/>
    </xf>
    <xf numFmtId="0" fontId="11" fillId="0" borderId="11" xfId="0" applyFont="1" applyFill="1" applyBorder="1">
      <alignment vertical="center"/>
    </xf>
  </cellXfs>
  <cellStyles count="38">
    <cellStyle name="Hyperlink" xfId="33" xr:uid="{00000000-000B-0000-0000-000008000000}"/>
    <cellStyle name="Normal" xfId="5" xr:uid="{00000000-0005-0000-0000-000000000000}"/>
    <cellStyle name="ハイパーリンク" xfId="1" builtinId="8"/>
    <cellStyle name="ハイパーリンク 2" xfId="12" xr:uid="{00000000-0005-0000-0000-000002000000}"/>
    <cellStyle name="ハイパーリンク 2 2" xfId="9" xr:uid="{00000000-0005-0000-0000-000003000000}"/>
    <cellStyle name="ハイパーリンク 2 3" xfId="22" xr:uid="{00000000-0005-0000-0000-000004000000}"/>
    <cellStyle name="ハイパーリンク 3" xfId="13" xr:uid="{00000000-0005-0000-0000-000005000000}"/>
    <cellStyle name="ハイパーリンク 4" xfId="23" xr:uid="{00000000-0005-0000-0000-000006000000}"/>
    <cellStyle name="ハイパーリンク 5" xfId="24" xr:uid="{00000000-0005-0000-0000-000007000000}"/>
    <cellStyle name="ハイパーリンク 6" xfId="35" xr:uid="{C657557F-73BC-4B5C-ADD0-543315CB5E1B}"/>
    <cellStyle name="ハイパーリンク 7" xfId="36" xr:uid="{11D9D0B2-DDFF-48C7-B85E-C5B91F8B40E0}"/>
    <cellStyle name="訂正" xfId="26" xr:uid="{00000000-0005-0000-0000-000008000000}"/>
    <cellStyle name="標準" xfId="0" builtinId="0"/>
    <cellStyle name="標準 2" xfId="3" xr:uid="{00000000-0005-0000-0000-00000A000000}"/>
    <cellStyle name="標準 2 2" xfId="6" xr:uid="{00000000-0005-0000-0000-00000B000000}"/>
    <cellStyle name="標準 2 2 2" xfId="11" xr:uid="{00000000-0005-0000-0000-00000C000000}"/>
    <cellStyle name="標準 2 2 2 2" xfId="20" xr:uid="{00000000-0005-0000-0000-00000D000000}"/>
    <cellStyle name="標準 2 2 3" xfId="16" xr:uid="{00000000-0005-0000-0000-00000E000000}"/>
    <cellStyle name="標準 2 2 4" xfId="29" xr:uid="{8BF67857-4212-4E9C-91EB-112FCF68BE52}"/>
    <cellStyle name="標準 2 2 4 2" xfId="32" xr:uid="{0A802BFE-9848-4869-B681-FDAA6549D2D6}"/>
    <cellStyle name="標準 2 3" xfId="7" xr:uid="{00000000-0005-0000-0000-00000F000000}"/>
    <cellStyle name="標準 2 3 2" xfId="18" xr:uid="{00000000-0005-0000-0000-000010000000}"/>
    <cellStyle name="標準 2 4" xfId="10" xr:uid="{00000000-0005-0000-0000-000011000000}"/>
    <cellStyle name="標準 2 4 2" xfId="21" xr:uid="{00000000-0005-0000-0000-000012000000}"/>
    <cellStyle name="標準 2 5" xfId="15" xr:uid="{00000000-0005-0000-0000-000013000000}"/>
    <cellStyle name="標準 3" xfId="2" xr:uid="{00000000-0005-0000-0000-000014000000}"/>
    <cellStyle name="標準 3 2" xfId="17" xr:uid="{00000000-0005-0000-0000-000015000000}"/>
    <cellStyle name="標準 3 3" xfId="19" xr:uid="{00000000-0005-0000-0000-000016000000}"/>
    <cellStyle name="標準 4" xfId="14" xr:uid="{00000000-0005-0000-0000-000017000000}"/>
    <cellStyle name="標準 5" xfId="25" xr:uid="{00000000-0005-0000-0000-000018000000}"/>
    <cellStyle name="標準 6" xfId="28" xr:uid="{B3A0787E-3D72-47A1-830E-840FB1A4E525}"/>
    <cellStyle name="標準 7" xfId="30" xr:uid="{0282C862-73B7-4BDB-ADFA-4E9BAA658A5E}"/>
    <cellStyle name="標準 7 2" xfId="34" xr:uid="{06D8CBF6-CC23-4527-A265-0AF21AEC100B}"/>
    <cellStyle name="標準 7 2 2" xfId="37" xr:uid="{A75DF0D4-754C-4D95-BE28-22F78F2EA417}"/>
    <cellStyle name="標準 8" xfId="27" xr:uid="{CE526765-CE72-4099-9F2E-5F2E04A53253}"/>
    <cellStyle name="標準 8 2" xfId="31" xr:uid="{4203A7B7-D6B2-4C94-A26F-527C00333FDD}"/>
    <cellStyle name="標準 9" xfId="4" xr:uid="{00000000-0005-0000-0000-000019000000}"/>
    <cellStyle name="良い 2" xfId="8" xr:uid="{00000000-0005-0000-0000-00001A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externalLink" Target="externalLinks/externalLink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Relationship Id="rId9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コード"/>
      <sheetName val="目次_2023.6月公開_医療機関リスト"/>
      <sheetName val="1.北海道"/>
      <sheetName val="2.青森県"/>
      <sheetName val="3.岩手県"/>
      <sheetName val="4.宮城県 "/>
      <sheetName val="5.秋田県"/>
      <sheetName val="6.山形県 "/>
      <sheetName val="7.福島県"/>
      <sheetName val="8.茨城県"/>
      <sheetName val="9.栃木県 "/>
      <sheetName val="10.群馬県"/>
      <sheetName val="11.埼玉県"/>
      <sheetName val="12.千葉県 "/>
      <sheetName val="13.東京都 "/>
      <sheetName val="14.神奈川県 "/>
      <sheetName val="15.新潟県"/>
      <sheetName val="16.富山県"/>
      <sheetName val="17.石川県"/>
      <sheetName val="18.福井県"/>
      <sheetName val="19.山梨県"/>
      <sheetName val="20.長野県"/>
      <sheetName val="21.岐阜県"/>
      <sheetName val="22.静岡県"/>
      <sheetName val="23.愛知県"/>
      <sheetName val="24.三重県"/>
      <sheetName val="25.滋賀県"/>
      <sheetName val="26.京都府"/>
      <sheetName val="27.大阪府"/>
      <sheetName val="28.兵庫県"/>
      <sheetName val="29.奈良県"/>
      <sheetName val="30.和歌山県"/>
      <sheetName val="31.鳥取県"/>
      <sheetName val="32.島根県"/>
      <sheetName val="33.岡山県 "/>
      <sheetName val="34.広島県"/>
      <sheetName val="35.山口県"/>
      <sheetName val="36.徳島県"/>
      <sheetName val="37.香川県"/>
      <sheetName val="38.愛媛県"/>
      <sheetName val="39.高知県"/>
      <sheetName val="40.福岡県"/>
      <sheetName val="41.佐賀県"/>
      <sheetName val="42.長崎県"/>
      <sheetName val="43.熊本県 "/>
      <sheetName val="44.大分県"/>
      <sheetName val="45.宮崎県"/>
      <sheetName val="46.鹿児島県"/>
      <sheetName val="47.沖縄県"/>
      <sheetName val="様式1 "/>
      <sheetName val="（※触らないでください）選択リスト"/>
    </sheetNames>
    <sheetDataSet>
      <sheetData sheetId="0"/>
      <sheetData sheetId="1">
        <row r="1">
          <cell r="A1" t="str">
            <v>北海道01</v>
          </cell>
          <cell r="B1" t="str">
            <v>青森県02</v>
          </cell>
          <cell r="C1" t="str">
            <v>岩手県03</v>
          </cell>
          <cell r="D1" t="str">
            <v>宮城県04</v>
          </cell>
          <cell r="E1" t="str">
            <v>秋田県05</v>
          </cell>
          <cell r="F1" t="str">
            <v>山形県06</v>
          </cell>
          <cell r="G1" t="str">
            <v>福島県07</v>
          </cell>
          <cell r="H1" t="str">
            <v>茨城県08</v>
          </cell>
          <cell r="I1" t="str">
            <v>栃木県09</v>
          </cell>
          <cell r="J1" t="str">
            <v>群馬県10</v>
          </cell>
          <cell r="K1" t="str">
            <v>埼玉県11</v>
          </cell>
          <cell r="L1" t="str">
            <v>千葉県12</v>
          </cell>
          <cell r="M1" t="str">
            <v>東京都13</v>
          </cell>
          <cell r="N1" t="str">
            <v>神奈川県14</v>
          </cell>
          <cell r="O1" t="str">
            <v>新潟県15</v>
          </cell>
          <cell r="P1" t="str">
            <v>富山県16</v>
          </cell>
          <cell r="Q1" t="str">
            <v>石川県17</v>
          </cell>
          <cell r="R1" t="str">
            <v>福井県18</v>
          </cell>
          <cell r="S1" t="str">
            <v>山梨県19</v>
          </cell>
          <cell r="T1" t="str">
            <v>長野県20</v>
          </cell>
          <cell r="U1" t="str">
            <v>岐阜県21</v>
          </cell>
          <cell r="V1" t="str">
            <v>静岡県22</v>
          </cell>
          <cell r="W1" t="str">
            <v>愛知県23</v>
          </cell>
          <cell r="X1" t="str">
            <v>三重県24</v>
          </cell>
          <cell r="Y1" t="str">
            <v>滋賀県25</v>
          </cell>
          <cell r="Z1" t="str">
            <v>京都府26</v>
          </cell>
          <cell r="AA1" t="str">
            <v>大阪府27</v>
          </cell>
          <cell r="AB1" t="str">
            <v>兵庫県28</v>
          </cell>
          <cell r="AC1" t="str">
            <v>奈良県29</v>
          </cell>
          <cell r="AD1" t="str">
            <v>和歌山県30</v>
          </cell>
          <cell r="AE1" t="str">
            <v>鳥取県31</v>
          </cell>
          <cell r="AF1" t="str">
            <v>島根県32</v>
          </cell>
          <cell r="AG1" t="str">
            <v>岡山県33</v>
          </cell>
          <cell r="AH1" t="str">
            <v>広島県34</v>
          </cell>
          <cell r="AI1" t="str">
            <v>山口県35</v>
          </cell>
          <cell r="AJ1" t="str">
            <v>徳島県36</v>
          </cell>
          <cell r="AK1" t="str">
            <v>香川県37</v>
          </cell>
          <cell r="AL1" t="str">
            <v>愛媛県38</v>
          </cell>
          <cell r="AM1" t="str">
            <v>高知県39</v>
          </cell>
          <cell r="AN1" t="str">
            <v>福岡県40</v>
          </cell>
          <cell r="AO1" t="str">
            <v>佐賀県41</v>
          </cell>
          <cell r="AP1" t="str">
            <v>長崎県42</v>
          </cell>
          <cell r="AQ1" t="str">
            <v>熊本県43</v>
          </cell>
          <cell r="AR1" t="str">
            <v>大分県44</v>
          </cell>
          <cell r="AS1" t="str">
            <v>宮崎県45</v>
          </cell>
          <cell r="AT1" t="str">
            <v>鹿児島県46</v>
          </cell>
          <cell r="AU1" t="str">
            <v>沖縄県47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hyperlink" Target="http://www.sw-shimasei.or.jp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C7BBCE-78A3-4C99-AB3B-F917DFD2DF75}">
  <dimension ref="B1:AV28"/>
  <sheetViews>
    <sheetView zoomScale="85" zoomScaleNormal="85" workbookViewId="0">
      <pane xSplit="6" ySplit="3" topLeftCell="G4" activePane="bottomRight" state="frozen"/>
      <selection pane="topRight" activeCell="G1" sqref="G1"/>
      <selection pane="bottomLeft" activeCell="A4" sqref="A4"/>
      <selection pane="bottomRight" activeCell="B2" sqref="B2"/>
    </sheetView>
  </sheetViews>
  <sheetFormatPr defaultRowHeight="18.75" x14ac:dyDescent="0.4"/>
  <cols>
    <col min="1" max="1" width="3.25" customWidth="1"/>
    <col min="2" max="2" width="14.875" bestFit="1" customWidth="1"/>
    <col min="3" max="3" width="13.5" bestFit="1" customWidth="1"/>
  </cols>
  <sheetData>
    <row r="1" spans="2:48" ht="24" x14ac:dyDescent="0.4">
      <c r="B1" s="31" t="s">
        <v>0</v>
      </c>
    </row>
    <row r="3" spans="2:48" ht="19.5" thickBot="1" x14ac:dyDescent="0.45">
      <c r="B3" s="16" t="s">
        <v>1</v>
      </c>
      <c r="C3" s="16" t="s">
        <v>2</v>
      </c>
      <c r="D3" s="16" t="s">
        <v>3</v>
      </c>
      <c r="E3" s="16" t="s">
        <v>4</v>
      </c>
      <c r="F3" s="16" t="s">
        <v>5</v>
      </c>
      <c r="G3" s="16" t="s">
        <v>6</v>
      </c>
      <c r="H3" s="16" t="s">
        <v>7</v>
      </c>
      <c r="I3" s="16" t="s">
        <v>8</v>
      </c>
      <c r="J3" s="16" t="s">
        <v>9</v>
      </c>
      <c r="K3" s="16" t="s">
        <v>10</v>
      </c>
      <c r="L3" s="16" t="s">
        <v>11</v>
      </c>
      <c r="M3" s="16" t="s">
        <v>12</v>
      </c>
      <c r="N3" s="16" t="s">
        <v>13</v>
      </c>
      <c r="O3" s="16" t="s">
        <v>14</v>
      </c>
      <c r="P3" s="16" t="s">
        <v>15</v>
      </c>
      <c r="Q3" s="16" t="s">
        <v>16</v>
      </c>
      <c r="R3" s="16" t="s">
        <v>17</v>
      </c>
      <c r="S3" s="16" t="s">
        <v>18</v>
      </c>
      <c r="T3" s="16" t="s">
        <v>19</v>
      </c>
      <c r="U3" s="16" t="s">
        <v>20</v>
      </c>
      <c r="V3" s="16" t="s">
        <v>21</v>
      </c>
      <c r="W3" s="16" t="s">
        <v>22</v>
      </c>
      <c r="X3" s="16" t="s">
        <v>23</v>
      </c>
      <c r="Y3" s="16" t="s">
        <v>24</v>
      </c>
      <c r="Z3" s="16" t="s">
        <v>25</v>
      </c>
      <c r="AA3" s="16" t="s">
        <v>26</v>
      </c>
      <c r="AB3" s="16" t="s">
        <v>27</v>
      </c>
      <c r="AC3" s="16" t="s">
        <v>28</v>
      </c>
      <c r="AD3" s="16" t="s">
        <v>29</v>
      </c>
      <c r="AE3" s="16" t="s">
        <v>30</v>
      </c>
      <c r="AF3" s="16" t="s">
        <v>31</v>
      </c>
      <c r="AG3" s="16" t="s">
        <v>32</v>
      </c>
      <c r="AH3" s="16" t="s">
        <v>33</v>
      </c>
      <c r="AI3" s="16" t="s">
        <v>34</v>
      </c>
      <c r="AJ3" s="16" t="s">
        <v>35</v>
      </c>
      <c r="AK3" s="16" t="s">
        <v>36</v>
      </c>
      <c r="AL3" s="16" t="s">
        <v>37</v>
      </c>
      <c r="AM3" s="16" t="s">
        <v>38</v>
      </c>
      <c r="AN3" s="16" t="s">
        <v>39</v>
      </c>
      <c r="AO3" s="16" t="s">
        <v>40</v>
      </c>
      <c r="AP3" s="16" t="s">
        <v>41</v>
      </c>
      <c r="AQ3" s="16" t="s">
        <v>42</v>
      </c>
      <c r="AR3" s="16" t="s">
        <v>43</v>
      </c>
      <c r="AS3" s="16" t="s">
        <v>44</v>
      </c>
      <c r="AT3" s="16" t="s">
        <v>45</v>
      </c>
      <c r="AU3" s="16" t="s">
        <v>46</v>
      </c>
      <c r="AV3" s="17" t="s">
        <v>47</v>
      </c>
    </row>
    <row r="4" spans="2:48" x14ac:dyDescent="0.4">
      <c r="B4" s="18" t="s">
        <v>48</v>
      </c>
      <c r="C4" s="19" t="s">
        <v>49</v>
      </c>
      <c r="D4" s="19" t="s">
        <v>50</v>
      </c>
      <c r="E4" s="19" t="s">
        <v>51</v>
      </c>
      <c r="F4" s="19" t="s">
        <v>52</v>
      </c>
      <c r="G4" s="19" t="s">
        <v>53</v>
      </c>
      <c r="H4" s="20" t="s">
        <v>54</v>
      </c>
      <c r="I4" s="19" t="s">
        <v>55</v>
      </c>
      <c r="J4" s="19" t="s">
        <v>56</v>
      </c>
      <c r="K4" s="19" t="s">
        <v>57</v>
      </c>
      <c r="L4" s="19" t="s">
        <v>58</v>
      </c>
      <c r="M4" s="19" t="s">
        <v>59</v>
      </c>
      <c r="N4" s="19" t="s">
        <v>60</v>
      </c>
      <c r="O4" s="19" t="s">
        <v>61</v>
      </c>
      <c r="P4" s="20" t="s">
        <v>62</v>
      </c>
      <c r="Q4" s="19" t="s">
        <v>63</v>
      </c>
      <c r="R4" s="19" t="s">
        <v>64</v>
      </c>
      <c r="S4" s="19" t="s">
        <v>65</v>
      </c>
      <c r="T4" s="19" t="s">
        <v>66</v>
      </c>
      <c r="U4" s="19" t="s">
        <v>67</v>
      </c>
      <c r="V4" s="19" t="s">
        <v>68</v>
      </c>
      <c r="W4" s="19" t="s">
        <v>69</v>
      </c>
      <c r="X4" s="19" t="s">
        <v>70</v>
      </c>
      <c r="Y4" s="19" t="s">
        <v>71</v>
      </c>
      <c r="Z4" s="19" t="s">
        <v>72</v>
      </c>
      <c r="AA4" s="19" t="s">
        <v>73</v>
      </c>
      <c r="AB4" s="19" t="s">
        <v>74</v>
      </c>
      <c r="AC4" s="19" t="s">
        <v>75</v>
      </c>
      <c r="AD4" s="19" t="s">
        <v>76</v>
      </c>
      <c r="AE4" s="19" t="s">
        <v>77</v>
      </c>
      <c r="AF4" s="19" t="s">
        <v>78</v>
      </c>
      <c r="AG4" s="19" t="s">
        <v>79</v>
      </c>
      <c r="AH4" s="19" t="s">
        <v>80</v>
      </c>
      <c r="AI4" s="19" t="s">
        <v>81</v>
      </c>
      <c r="AJ4" s="19" t="s">
        <v>82</v>
      </c>
      <c r="AK4" s="19" t="s">
        <v>83</v>
      </c>
      <c r="AL4" s="19" t="s">
        <v>84</v>
      </c>
      <c r="AM4" s="19" t="s">
        <v>85</v>
      </c>
      <c r="AN4" s="19" t="s">
        <v>86</v>
      </c>
      <c r="AO4" s="19" t="s">
        <v>87</v>
      </c>
      <c r="AP4" s="19" t="s">
        <v>88</v>
      </c>
      <c r="AQ4" s="19" t="s">
        <v>89</v>
      </c>
      <c r="AR4" s="19" t="s">
        <v>90</v>
      </c>
      <c r="AS4" s="19" t="s">
        <v>91</v>
      </c>
      <c r="AT4" s="19" t="s">
        <v>92</v>
      </c>
      <c r="AU4" s="19" t="s">
        <v>93</v>
      </c>
      <c r="AV4" s="21" t="s">
        <v>94</v>
      </c>
    </row>
    <row r="5" spans="2:48" x14ac:dyDescent="0.4">
      <c r="B5" s="22" t="s">
        <v>95</v>
      </c>
      <c r="C5" s="23" t="s">
        <v>96</v>
      </c>
      <c r="D5" s="23" t="s">
        <v>97</v>
      </c>
      <c r="E5" s="23" t="s">
        <v>98</v>
      </c>
      <c r="F5" s="23" t="s">
        <v>99</v>
      </c>
      <c r="G5" s="23" t="s">
        <v>100</v>
      </c>
      <c r="H5" s="23" t="s">
        <v>101</v>
      </c>
      <c r="I5" s="23" t="s">
        <v>102</v>
      </c>
      <c r="J5" s="23" t="s">
        <v>103</v>
      </c>
      <c r="K5" s="23" t="s">
        <v>104</v>
      </c>
      <c r="L5" s="23" t="s">
        <v>105</v>
      </c>
      <c r="M5" s="23" t="s">
        <v>106</v>
      </c>
      <c r="N5" s="23" t="s">
        <v>107</v>
      </c>
      <c r="O5" s="23" t="s">
        <v>108</v>
      </c>
      <c r="P5" s="23" t="s">
        <v>109</v>
      </c>
      <c r="Q5" s="23" t="s">
        <v>110</v>
      </c>
      <c r="R5" s="23" t="s">
        <v>111</v>
      </c>
      <c r="S5" s="23" t="s">
        <v>112</v>
      </c>
      <c r="T5" s="23" t="s">
        <v>113</v>
      </c>
      <c r="U5" s="23" t="s">
        <v>114</v>
      </c>
      <c r="V5" s="23" t="s">
        <v>115</v>
      </c>
      <c r="W5" s="23" t="s">
        <v>116</v>
      </c>
      <c r="X5" s="23" t="s">
        <v>117</v>
      </c>
      <c r="Y5" s="23" t="s">
        <v>118</v>
      </c>
      <c r="Z5" s="23" t="s">
        <v>119</v>
      </c>
      <c r="AA5" s="23" t="s">
        <v>120</v>
      </c>
      <c r="AB5" s="23" t="s">
        <v>121</v>
      </c>
      <c r="AC5" s="23" t="s">
        <v>122</v>
      </c>
      <c r="AD5" s="23" t="s">
        <v>123</v>
      </c>
      <c r="AE5" s="24" t="s">
        <v>124</v>
      </c>
      <c r="AF5" s="23" t="s">
        <v>125</v>
      </c>
      <c r="AG5" s="23" t="s">
        <v>126</v>
      </c>
      <c r="AH5" s="23" t="s">
        <v>127</v>
      </c>
      <c r="AI5" s="24" t="s">
        <v>128</v>
      </c>
      <c r="AJ5" s="24" t="s">
        <v>129</v>
      </c>
      <c r="AK5" s="23" t="s">
        <v>130</v>
      </c>
      <c r="AL5" s="23" t="s">
        <v>131</v>
      </c>
      <c r="AM5" s="23" t="s">
        <v>132</v>
      </c>
      <c r="AN5" s="23" t="s">
        <v>133</v>
      </c>
      <c r="AO5" s="23" t="s">
        <v>134</v>
      </c>
      <c r="AP5" s="24" t="s">
        <v>135</v>
      </c>
      <c r="AQ5" s="23" t="s">
        <v>136</v>
      </c>
      <c r="AR5" s="23" t="s">
        <v>137</v>
      </c>
      <c r="AS5" s="23" t="s">
        <v>138</v>
      </c>
      <c r="AT5" s="23" t="s">
        <v>139</v>
      </c>
      <c r="AU5" s="23" t="s">
        <v>140</v>
      </c>
      <c r="AV5" s="25" t="s">
        <v>141</v>
      </c>
    </row>
    <row r="6" spans="2:48" x14ac:dyDescent="0.4">
      <c r="B6" s="22" t="s">
        <v>142</v>
      </c>
      <c r="C6" s="23" t="s">
        <v>143</v>
      </c>
      <c r="D6" s="23" t="s">
        <v>144</v>
      </c>
      <c r="E6" s="23" t="s">
        <v>145</v>
      </c>
      <c r="F6" s="23" t="s">
        <v>146</v>
      </c>
      <c r="G6" s="23" t="s">
        <v>147</v>
      </c>
      <c r="H6" s="24" t="s">
        <v>148</v>
      </c>
      <c r="I6" s="23" t="s">
        <v>149</v>
      </c>
      <c r="J6" s="23" t="s">
        <v>150</v>
      </c>
      <c r="K6" s="23" t="s">
        <v>151</v>
      </c>
      <c r="L6" s="23" t="s">
        <v>152</v>
      </c>
      <c r="M6" s="23" t="s">
        <v>153</v>
      </c>
      <c r="N6" s="23" t="s">
        <v>154</v>
      </c>
      <c r="O6" s="23" t="s">
        <v>155</v>
      </c>
      <c r="P6" s="24" t="s">
        <v>156</v>
      </c>
      <c r="Q6" s="23" t="s">
        <v>157</v>
      </c>
      <c r="R6" s="23" t="s">
        <v>158</v>
      </c>
      <c r="S6" s="23" t="s">
        <v>159</v>
      </c>
      <c r="T6" s="23" t="s">
        <v>160</v>
      </c>
      <c r="U6" s="23" t="s">
        <v>161</v>
      </c>
      <c r="V6" s="23" t="s">
        <v>162</v>
      </c>
      <c r="W6" s="23" t="s">
        <v>163</v>
      </c>
      <c r="X6" s="23" t="s">
        <v>164</v>
      </c>
      <c r="Y6" s="23" t="s">
        <v>165</v>
      </c>
      <c r="Z6" s="23" t="s">
        <v>166</v>
      </c>
      <c r="AA6" s="24" t="s">
        <v>167</v>
      </c>
      <c r="AB6" s="23" t="s">
        <v>168</v>
      </c>
      <c r="AC6" s="23" t="s">
        <v>169</v>
      </c>
      <c r="AD6" s="23" t="s">
        <v>170</v>
      </c>
      <c r="AE6" s="23" t="s">
        <v>171</v>
      </c>
      <c r="AF6" s="23" t="s">
        <v>172</v>
      </c>
      <c r="AG6" s="23" t="s">
        <v>173</v>
      </c>
      <c r="AH6" s="23" t="s">
        <v>174</v>
      </c>
      <c r="AI6" s="23" t="s">
        <v>175</v>
      </c>
      <c r="AJ6" s="23" t="s">
        <v>176</v>
      </c>
      <c r="AK6" s="23" t="s">
        <v>177</v>
      </c>
      <c r="AL6" s="23" t="s">
        <v>178</v>
      </c>
      <c r="AM6" s="23" t="s">
        <v>179</v>
      </c>
      <c r="AN6" s="23" t="s">
        <v>180</v>
      </c>
      <c r="AO6" s="23" t="s">
        <v>181</v>
      </c>
      <c r="AP6" s="23" t="s">
        <v>182</v>
      </c>
      <c r="AQ6" s="23" t="s">
        <v>183</v>
      </c>
      <c r="AR6" s="23" t="s">
        <v>184</v>
      </c>
      <c r="AS6" s="23" t="s">
        <v>185</v>
      </c>
      <c r="AT6" s="23" t="s">
        <v>186</v>
      </c>
      <c r="AU6" s="23" t="s">
        <v>187</v>
      </c>
      <c r="AV6" s="25" t="s">
        <v>188</v>
      </c>
    </row>
    <row r="7" spans="2:48" x14ac:dyDescent="0.4">
      <c r="B7" s="22" t="s">
        <v>189</v>
      </c>
      <c r="C7" s="24" t="s">
        <v>190</v>
      </c>
      <c r="D7" s="23" t="s">
        <v>191</v>
      </c>
      <c r="E7" s="23" t="s">
        <v>192</v>
      </c>
      <c r="F7" s="23" t="s">
        <v>193</v>
      </c>
      <c r="G7" s="23" t="s">
        <v>194</v>
      </c>
      <c r="H7" s="24" t="s">
        <v>195</v>
      </c>
      <c r="I7" s="23" t="s">
        <v>196</v>
      </c>
      <c r="J7" s="23" t="s">
        <v>197</v>
      </c>
      <c r="K7" s="23" t="s">
        <v>198</v>
      </c>
      <c r="L7" s="23" t="s">
        <v>199</v>
      </c>
      <c r="M7" s="23" t="s">
        <v>200</v>
      </c>
      <c r="N7" s="23" t="s">
        <v>201</v>
      </c>
      <c r="O7" s="23" t="s">
        <v>202</v>
      </c>
      <c r="P7" s="23" t="s">
        <v>203</v>
      </c>
      <c r="Q7" s="23" t="s">
        <v>204</v>
      </c>
      <c r="R7" s="23" t="s">
        <v>205</v>
      </c>
      <c r="S7" s="23" t="s">
        <v>206</v>
      </c>
      <c r="T7" s="23" t="s">
        <v>207</v>
      </c>
      <c r="U7" s="23" t="s">
        <v>208</v>
      </c>
      <c r="V7" s="23" t="s">
        <v>209</v>
      </c>
      <c r="W7" s="23" t="s">
        <v>210</v>
      </c>
      <c r="X7" s="23" t="s">
        <v>211</v>
      </c>
      <c r="Y7" s="23" t="s">
        <v>212</v>
      </c>
      <c r="Z7" s="23" t="s">
        <v>213</v>
      </c>
      <c r="AA7" s="23" t="s">
        <v>214</v>
      </c>
      <c r="AB7" s="23" t="s">
        <v>215</v>
      </c>
      <c r="AC7" s="23" t="s">
        <v>216</v>
      </c>
      <c r="AD7" s="23" t="s">
        <v>217</v>
      </c>
      <c r="AE7" s="24" t="s">
        <v>218</v>
      </c>
      <c r="AF7" s="23"/>
      <c r="AG7" s="23" t="s">
        <v>219</v>
      </c>
      <c r="AH7" s="23" t="s">
        <v>220</v>
      </c>
      <c r="AI7" s="24" t="s">
        <v>221</v>
      </c>
      <c r="AJ7" s="23" t="s">
        <v>222</v>
      </c>
      <c r="AK7" s="23"/>
      <c r="AL7" s="23"/>
      <c r="AM7" s="23" t="s">
        <v>223</v>
      </c>
      <c r="AN7" s="23" t="s">
        <v>224</v>
      </c>
      <c r="AO7" s="23" t="s">
        <v>225</v>
      </c>
      <c r="AP7" s="23" t="s">
        <v>226</v>
      </c>
      <c r="AQ7" s="23" t="s">
        <v>227</v>
      </c>
      <c r="AR7" s="23" t="s">
        <v>228</v>
      </c>
      <c r="AS7" s="23" t="s">
        <v>229</v>
      </c>
      <c r="AT7" s="23" t="s">
        <v>230</v>
      </c>
      <c r="AU7" s="23" t="s">
        <v>231</v>
      </c>
      <c r="AV7" s="26" t="s">
        <v>232</v>
      </c>
    </row>
    <row r="8" spans="2:48" x14ac:dyDescent="0.4">
      <c r="B8" s="22" t="s">
        <v>233</v>
      </c>
      <c r="C8" s="23" t="s">
        <v>234</v>
      </c>
      <c r="D8" s="23" t="s">
        <v>235</v>
      </c>
      <c r="E8" s="23"/>
      <c r="F8" s="23" t="s">
        <v>236</v>
      </c>
      <c r="G8" s="23"/>
      <c r="H8" s="23" t="s">
        <v>237</v>
      </c>
      <c r="I8" s="23" t="s">
        <v>238</v>
      </c>
      <c r="J8" s="23" t="s">
        <v>239</v>
      </c>
      <c r="K8" s="23" t="s">
        <v>240</v>
      </c>
      <c r="L8" s="23" t="s">
        <v>241</v>
      </c>
      <c r="M8" s="24" t="s">
        <v>242</v>
      </c>
      <c r="N8" s="23" t="s">
        <v>243</v>
      </c>
      <c r="O8" s="23" t="s">
        <v>244</v>
      </c>
      <c r="P8" s="23" t="s">
        <v>245</v>
      </c>
      <c r="Q8" s="23"/>
      <c r="R8" s="23"/>
      <c r="S8" s="23"/>
      <c r="T8" s="23"/>
      <c r="U8" s="23" t="s">
        <v>246</v>
      </c>
      <c r="V8" s="23" t="s">
        <v>247</v>
      </c>
      <c r="W8" s="23" t="s">
        <v>248</v>
      </c>
      <c r="X8" s="23" t="s">
        <v>249</v>
      </c>
      <c r="Y8" s="23"/>
      <c r="Z8" s="24" t="s">
        <v>250</v>
      </c>
      <c r="AA8" s="23" t="s">
        <v>251</v>
      </c>
      <c r="AB8" s="23" t="s">
        <v>252</v>
      </c>
      <c r="AC8" s="23" t="s">
        <v>253</v>
      </c>
      <c r="AD8" s="23" t="s">
        <v>254</v>
      </c>
      <c r="AE8" s="24" t="s">
        <v>255</v>
      </c>
      <c r="AF8" s="23"/>
      <c r="AG8" s="23" t="s">
        <v>256</v>
      </c>
      <c r="AH8" s="23" t="s">
        <v>257</v>
      </c>
      <c r="AI8" s="23" t="s">
        <v>258</v>
      </c>
      <c r="AJ8" s="23" t="s">
        <v>259</v>
      </c>
      <c r="AK8" s="23"/>
      <c r="AL8" s="23"/>
      <c r="AM8" s="23" t="s">
        <v>260</v>
      </c>
      <c r="AN8" s="23"/>
      <c r="AO8" s="23" t="s">
        <v>261</v>
      </c>
      <c r="AP8" s="23" t="s">
        <v>262</v>
      </c>
      <c r="AQ8" s="23" t="s">
        <v>263</v>
      </c>
      <c r="AR8" s="23" t="s">
        <v>264</v>
      </c>
      <c r="AS8" s="23" t="s">
        <v>265</v>
      </c>
      <c r="AT8" s="23" t="s">
        <v>266</v>
      </c>
      <c r="AU8" s="23" t="s">
        <v>267</v>
      </c>
      <c r="AV8" s="26" t="s">
        <v>268</v>
      </c>
    </row>
    <row r="9" spans="2:48" x14ac:dyDescent="0.4">
      <c r="B9" s="22" t="s">
        <v>269</v>
      </c>
      <c r="C9" s="24" t="s">
        <v>270</v>
      </c>
      <c r="D9" s="23" t="s">
        <v>271</v>
      </c>
      <c r="E9" s="23"/>
      <c r="F9" s="23" t="s">
        <v>272</v>
      </c>
      <c r="G9" s="23"/>
      <c r="H9" s="23" t="s">
        <v>273</v>
      </c>
      <c r="I9" s="23" t="s">
        <v>274</v>
      </c>
      <c r="J9" s="23" t="s">
        <v>275</v>
      </c>
      <c r="K9" s="23" t="s">
        <v>276</v>
      </c>
      <c r="L9" s="23" t="s">
        <v>277</v>
      </c>
      <c r="M9" s="23" t="s">
        <v>278</v>
      </c>
      <c r="N9" s="23" t="s">
        <v>279</v>
      </c>
      <c r="O9" s="23" t="s">
        <v>280</v>
      </c>
      <c r="P9" s="23" t="s">
        <v>281</v>
      </c>
      <c r="Q9" s="23"/>
      <c r="R9" s="23"/>
      <c r="S9" s="23"/>
      <c r="T9" s="23"/>
      <c r="U9" s="23" t="s">
        <v>282</v>
      </c>
      <c r="V9" s="23"/>
      <c r="W9" s="23" t="s">
        <v>283</v>
      </c>
      <c r="X9" s="23" t="s">
        <v>284</v>
      </c>
      <c r="Y9" s="23"/>
      <c r="Z9" s="23" t="s">
        <v>285</v>
      </c>
      <c r="AA9" s="24" t="s">
        <v>286</v>
      </c>
      <c r="AB9" s="23" t="s">
        <v>287</v>
      </c>
      <c r="AC9" s="23" t="s">
        <v>288</v>
      </c>
      <c r="AD9" s="23"/>
      <c r="AE9" s="23" t="s">
        <v>289</v>
      </c>
      <c r="AF9" s="23"/>
      <c r="AG9" s="23" t="s">
        <v>290</v>
      </c>
      <c r="AH9" s="23"/>
      <c r="AI9" s="23" t="s">
        <v>291</v>
      </c>
      <c r="AJ9" s="23" t="s">
        <v>292</v>
      </c>
      <c r="AK9" s="23"/>
      <c r="AL9" s="23"/>
      <c r="AM9" s="23" t="s">
        <v>293</v>
      </c>
      <c r="AN9" s="23"/>
      <c r="AO9" s="23" t="s">
        <v>294</v>
      </c>
      <c r="AP9" s="23"/>
      <c r="AQ9" s="23" t="s">
        <v>295</v>
      </c>
      <c r="AR9" s="23" t="s">
        <v>296</v>
      </c>
      <c r="AS9" s="23" t="s">
        <v>297</v>
      </c>
      <c r="AT9" s="24" t="s">
        <v>298</v>
      </c>
      <c r="AU9" s="23" t="s">
        <v>299</v>
      </c>
      <c r="AV9" s="25"/>
    </row>
    <row r="10" spans="2:48" x14ac:dyDescent="0.4">
      <c r="B10" s="27" t="s">
        <v>300</v>
      </c>
      <c r="C10" s="23"/>
      <c r="D10" s="23" t="s">
        <v>301</v>
      </c>
      <c r="E10" s="23"/>
      <c r="F10" s="23" t="s">
        <v>302</v>
      </c>
      <c r="G10" s="23"/>
      <c r="H10" s="23"/>
      <c r="I10" s="23" t="s">
        <v>303</v>
      </c>
      <c r="J10" s="23"/>
      <c r="K10" s="23" t="s">
        <v>304</v>
      </c>
      <c r="L10" s="23" t="s">
        <v>305</v>
      </c>
      <c r="M10" s="23" t="s">
        <v>306</v>
      </c>
      <c r="N10" s="23" t="s">
        <v>307</v>
      </c>
      <c r="O10" s="23" t="s">
        <v>308</v>
      </c>
      <c r="P10" s="24" t="s">
        <v>309</v>
      </c>
      <c r="Q10" s="23"/>
      <c r="R10" s="23"/>
      <c r="S10" s="23"/>
      <c r="T10" s="23"/>
      <c r="U10" s="23" t="s">
        <v>310</v>
      </c>
      <c r="V10" s="23"/>
      <c r="W10" s="23" t="s">
        <v>311</v>
      </c>
      <c r="X10" s="23" t="s">
        <v>312</v>
      </c>
      <c r="Y10" s="23"/>
      <c r="Z10" s="23" t="s">
        <v>313</v>
      </c>
      <c r="AA10" s="23"/>
      <c r="AB10" s="23" t="s">
        <v>314</v>
      </c>
      <c r="AC10" s="23" t="s">
        <v>315</v>
      </c>
      <c r="AD10" s="23"/>
      <c r="AE10" s="23" t="s">
        <v>316</v>
      </c>
      <c r="AF10" s="23"/>
      <c r="AG10" s="23" t="s">
        <v>317</v>
      </c>
      <c r="AH10" s="23"/>
      <c r="AI10" s="23" t="s">
        <v>318</v>
      </c>
      <c r="AJ10" s="23" t="s">
        <v>319</v>
      </c>
      <c r="AK10" s="23"/>
      <c r="AL10" s="23"/>
      <c r="AM10" s="23"/>
      <c r="AN10" s="23"/>
      <c r="AO10" s="23" t="s">
        <v>320</v>
      </c>
      <c r="AP10" s="23"/>
      <c r="AQ10" s="23" t="s">
        <v>321</v>
      </c>
      <c r="AR10" s="23" t="s">
        <v>322</v>
      </c>
      <c r="AS10" s="23"/>
      <c r="AT10" s="24" t="s">
        <v>323</v>
      </c>
      <c r="AU10" s="23" t="s">
        <v>324</v>
      </c>
      <c r="AV10" s="25"/>
    </row>
    <row r="11" spans="2:48" x14ac:dyDescent="0.4">
      <c r="B11" s="27" t="s">
        <v>325</v>
      </c>
      <c r="C11" s="23"/>
      <c r="D11" s="23" t="s">
        <v>326</v>
      </c>
      <c r="E11" s="23"/>
      <c r="F11" s="24" t="s">
        <v>327</v>
      </c>
      <c r="G11" s="23"/>
      <c r="H11" s="23"/>
      <c r="I11" s="23" t="s">
        <v>328</v>
      </c>
      <c r="J11" s="23"/>
      <c r="K11" s="23" t="s">
        <v>329</v>
      </c>
      <c r="L11" s="23" t="s">
        <v>330</v>
      </c>
      <c r="M11" s="23" t="s">
        <v>331</v>
      </c>
      <c r="N11" s="23" t="s">
        <v>332</v>
      </c>
      <c r="O11" s="23" t="s">
        <v>333</v>
      </c>
      <c r="P11" s="23"/>
      <c r="Q11" s="23"/>
      <c r="R11" s="23"/>
      <c r="S11" s="23"/>
      <c r="T11" s="23"/>
      <c r="U11" s="23" t="s">
        <v>334</v>
      </c>
      <c r="V11" s="23"/>
      <c r="W11" s="23" t="s">
        <v>335</v>
      </c>
      <c r="X11" s="23" t="s">
        <v>336</v>
      </c>
      <c r="Y11" s="23"/>
      <c r="Z11" s="23"/>
      <c r="AA11" s="23"/>
      <c r="AB11" s="23" t="s">
        <v>337</v>
      </c>
      <c r="AC11" s="23" t="s">
        <v>338</v>
      </c>
      <c r="AD11" s="23"/>
      <c r="AE11" s="23"/>
      <c r="AF11" s="23"/>
      <c r="AG11" s="23"/>
      <c r="AH11" s="23"/>
      <c r="AI11" s="23"/>
      <c r="AJ11" s="23" t="s">
        <v>339</v>
      </c>
      <c r="AK11" s="23"/>
      <c r="AL11" s="23"/>
      <c r="AM11" s="23"/>
      <c r="AN11" s="23"/>
      <c r="AO11" s="23" t="s">
        <v>340</v>
      </c>
      <c r="AP11" s="23"/>
      <c r="AQ11" s="23" t="s">
        <v>341</v>
      </c>
      <c r="AR11" s="23" t="s">
        <v>342</v>
      </c>
      <c r="AS11" s="23"/>
      <c r="AT11" s="23"/>
      <c r="AU11" s="23" t="s">
        <v>343</v>
      </c>
      <c r="AV11" s="25"/>
    </row>
    <row r="12" spans="2:48" x14ac:dyDescent="0.4">
      <c r="B12" s="22" t="s">
        <v>344</v>
      </c>
      <c r="C12" s="23"/>
      <c r="D12" s="23" t="s">
        <v>345</v>
      </c>
      <c r="E12" s="23"/>
      <c r="F12" s="23"/>
      <c r="G12" s="23"/>
      <c r="H12" s="23"/>
      <c r="I12" s="23" t="s">
        <v>346</v>
      </c>
      <c r="J12" s="23"/>
      <c r="K12" s="23" t="s">
        <v>347</v>
      </c>
      <c r="L12" s="23" t="s">
        <v>348</v>
      </c>
      <c r="M12" s="23" t="s">
        <v>349</v>
      </c>
      <c r="N12" s="23" t="s">
        <v>350</v>
      </c>
      <c r="O12" s="23" t="s">
        <v>351</v>
      </c>
      <c r="P12" s="23"/>
      <c r="Q12" s="23"/>
      <c r="R12" s="23"/>
      <c r="S12" s="23"/>
      <c r="T12" s="23"/>
      <c r="U12" s="23" t="s">
        <v>352</v>
      </c>
      <c r="V12" s="23"/>
      <c r="W12" s="23"/>
      <c r="X12" s="23" t="s">
        <v>353</v>
      </c>
      <c r="Y12" s="23"/>
      <c r="Z12" s="23"/>
      <c r="AA12" s="23"/>
      <c r="AB12" s="23"/>
      <c r="AC12" s="23"/>
      <c r="AD12" s="23"/>
      <c r="AE12" s="23"/>
      <c r="AF12" s="23"/>
      <c r="AG12" s="23"/>
      <c r="AH12" s="23"/>
      <c r="AI12" s="23"/>
      <c r="AJ12" s="23"/>
      <c r="AK12" s="23"/>
      <c r="AL12" s="23"/>
      <c r="AM12" s="23"/>
      <c r="AN12" s="23"/>
      <c r="AO12" s="23" t="s">
        <v>354</v>
      </c>
      <c r="AP12" s="23"/>
      <c r="AQ12" s="23"/>
      <c r="AR12" s="23" t="s">
        <v>355</v>
      </c>
      <c r="AS12" s="23"/>
      <c r="AT12" s="23"/>
      <c r="AU12" s="23" t="s">
        <v>356</v>
      </c>
      <c r="AV12" s="25"/>
    </row>
    <row r="13" spans="2:48" x14ac:dyDescent="0.4">
      <c r="B13" s="22" t="s">
        <v>357</v>
      </c>
      <c r="C13" s="23"/>
      <c r="D13" s="23"/>
      <c r="E13" s="23"/>
      <c r="F13" s="23"/>
      <c r="G13" s="23"/>
      <c r="H13" s="23"/>
      <c r="I13" s="23"/>
      <c r="J13" s="23"/>
      <c r="K13" s="23" t="s">
        <v>358</v>
      </c>
      <c r="L13" s="23" t="s">
        <v>359</v>
      </c>
      <c r="M13" s="23"/>
      <c r="N13" s="23" t="s">
        <v>360</v>
      </c>
      <c r="O13" s="23"/>
      <c r="P13" s="23"/>
      <c r="Q13" s="23"/>
      <c r="R13" s="23"/>
      <c r="S13" s="23"/>
      <c r="T13" s="23"/>
      <c r="U13" s="23" t="s">
        <v>361</v>
      </c>
      <c r="V13" s="23"/>
      <c r="W13" s="23"/>
      <c r="X13" s="23" t="s">
        <v>362</v>
      </c>
      <c r="Y13" s="23"/>
      <c r="Z13" s="23"/>
      <c r="AA13" s="23"/>
      <c r="AB13" s="23"/>
      <c r="AC13" s="23"/>
      <c r="AD13" s="23"/>
      <c r="AE13" s="23"/>
      <c r="AF13" s="23"/>
      <c r="AG13" s="23"/>
      <c r="AH13" s="23"/>
      <c r="AI13" s="23"/>
      <c r="AJ13" s="23"/>
      <c r="AK13" s="23"/>
      <c r="AL13" s="23"/>
      <c r="AM13" s="23"/>
      <c r="AN13" s="23"/>
      <c r="AO13" s="23" t="s">
        <v>363</v>
      </c>
      <c r="AP13" s="23"/>
      <c r="AQ13" s="23"/>
      <c r="AR13" s="23" t="s">
        <v>364</v>
      </c>
      <c r="AS13" s="23"/>
      <c r="AT13" s="23"/>
      <c r="AU13" s="23"/>
      <c r="AV13" s="25"/>
    </row>
    <row r="14" spans="2:48" x14ac:dyDescent="0.4">
      <c r="B14" s="22" t="s">
        <v>365</v>
      </c>
      <c r="C14" s="23"/>
      <c r="D14" s="23"/>
      <c r="E14" s="23"/>
      <c r="F14" s="23"/>
      <c r="G14" s="23"/>
      <c r="H14" s="23"/>
      <c r="I14" s="23"/>
      <c r="J14" s="23"/>
      <c r="K14" s="23"/>
      <c r="L14" s="23"/>
      <c r="M14" s="23"/>
      <c r="N14" s="23" t="s">
        <v>366</v>
      </c>
      <c r="O14" s="23"/>
      <c r="P14" s="23"/>
      <c r="Q14" s="23"/>
      <c r="R14" s="23"/>
      <c r="S14" s="23"/>
      <c r="T14" s="23"/>
      <c r="U14" s="23"/>
      <c r="V14" s="23"/>
      <c r="W14" s="23"/>
      <c r="X14" s="23" t="s">
        <v>367</v>
      </c>
      <c r="Y14" s="23"/>
      <c r="Z14" s="23"/>
      <c r="AA14" s="23"/>
      <c r="AB14" s="23"/>
      <c r="AC14" s="23"/>
      <c r="AD14" s="23"/>
      <c r="AE14" s="23"/>
      <c r="AF14" s="23"/>
      <c r="AG14" s="23"/>
      <c r="AH14" s="23"/>
      <c r="AI14" s="23"/>
      <c r="AJ14" s="23"/>
      <c r="AK14" s="23"/>
      <c r="AL14" s="23"/>
      <c r="AM14" s="23"/>
      <c r="AN14" s="23"/>
      <c r="AO14" s="23" t="s">
        <v>368</v>
      </c>
      <c r="AP14" s="23"/>
      <c r="AQ14" s="23"/>
      <c r="AR14" s="23"/>
      <c r="AS14" s="23"/>
      <c r="AT14" s="23"/>
      <c r="AU14" s="23"/>
      <c r="AV14" s="25"/>
    </row>
    <row r="15" spans="2:48" x14ac:dyDescent="0.4">
      <c r="B15" s="22" t="s">
        <v>369</v>
      </c>
      <c r="C15" s="23"/>
      <c r="D15" s="23"/>
      <c r="E15" s="23"/>
      <c r="F15" s="23"/>
      <c r="G15" s="23"/>
      <c r="H15" s="23"/>
      <c r="I15" s="23"/>
      <c r="J15" s="23"/>
      <c r="K15" s="23"/>
      <c r="L15" s="23"/>
      <c r="M15" s="23"/>
      <c r="N15" s="23" t="s">
        <v>370</v>
      </c>
      <c r="O15" s="23"/>
      <c r="P15" s="23"/>
      <c r="Q15" s="23"/>
      <c r="R15" s="23"/>
      <c r="S15" s="23"/>
      <c r="T15" s="23"/>
      <c r="U15" s="23"/>
      <c r="V15" s="23"/>
      <c r="W15" s="23"/>
      <c r="X15" s="23"/>
      <c r="Y15" s="23"/>
      <c r="Z15" s="23"/>
      <c r="AA15" s="23"/>
      <c r="AB15" s="23"/>
      <c r="AC15" s="23"/>
      <c r="AD15" s="23"/>
      <c r="AE15" s="23"/>
      <c r="AF15" s="23"/>
      <c r="AG15" s="23"/>
      <c r="AH15" s="23"/>
      <c r="AI15" s="23"/>
      <c r="AJ15" s="23"/>
      <c r="AK15" s="23"/>
      <c r="AL15" s="23"/>
      <c r="AM15" s="23"/>
      <c r="AN15" s="23"/>
      <c r="AO15" s="23" t="s">
        <v>371</v>
      </c>
      <c r="AP15" s="23"/>
      <c r="AQ15" s="23"/>
      <c r="AR15" s="23"/>
      <c r="AS15" s="23"/>
      <c r="AT15" s="23"/>
      <c r="AU15" s="23"/>
      <c r="AV15" s="25"/>
    </row>
    <row r="16" spans="2:48" x14ac:dyDescent="0.4">
      <c r="B16" s="22" t="s">
        <v>372</v>
      </c>
      <c r="C16" s="23"/>
      <c r="D16" s="23"/>
      <c r="E16" s="23"/>
      <c r="F16" s="23"/>
      <c r="G16" s="23"/>
      <c r="H16" s="23"/>
      <c r="I16" s="23"/>
      <c r="J16" s="23"/>
      <c r="K16" s="23"/>
      <c r="L16" s="23"/>
      <c r="M16" s="23"/>
      <c r="N16" s="24" t="s">
        <v>373</v>
      </c>
      <c r="O16" s="23"/>
      <c r="P16" s="23"/>
      <c r="Q16" s="23"/>
      <c r="R16" s="23"/>
      <c r="S16" s="23"/>
      <c r="T16" s="23"/>
      <c r="U16" s="23"/>
      <c r="V16" s="23"/>
      <c r="W16" s="23"/>
      <c r="X16" s="23"/>
      <c r="Y16" s="23"/>
      <c r="Z16" s="23"/>
      <c r="AA16" s="23"/>
      <c r="AB16" s="23"/>
      <c r="AC16" s="23"/>
      <c r="AD16" s="23"/>
      <c r="AE16" s="23"/>
      <c r="AF16" s="23"/>
      <c r="AG16" s="23"/>
      <c r="AH16" s="23"/>
      <c r="AI16" s="23"/>
      <c r="AJ16" s="23"/>
      <c r="AK16" s="23"/>
      <c r="AL16" s="23"/>
      <c r="AM16" s="23"/>
      <c r="AN16" s="23"/>
      <c r="AO16" s="23" t="s">
        <v>374</v>
      </c>
      <c r="AP16" s="23"/>
      <c r="AQ16" s="23"/>
      <c r="AR16" s="23"/>
      <c r="AS16" s="23"/>
      <c r="AT16" s="23"/>
      <c r="AU16" s="23"/>
      <c r="AV16" s="25"/>
    </row>
    <row r="17" spans="2:48" x14ac:dyDescent="0.4">
      <c r="B17" s="27" t="s">
        <v>375</v>
      </c>
      <c r="C17" s="23"/>
      <c r="D17" s="23"/>
      <c r="E17" s="23"/>
      <c r="F17" s="23"/>
      <c r="G17" s="23"/>
      <c r="H17" s="23"/>
      <c r="I17" s="23"/>
      <c r="J17" s="23"/>
      <c r="K17" s="23"/>
      <c r="L17" s="23"/>
      <c r="M17" s="23"/>
      <c r="N17" s="23"/>
      <c r="O17" s="23"/>
      <c r="P17" s="23"/>
      <c r="Q17" s="23"/>
      <c r="R17" s="23"/>
      <c r="S17" s="23"/>
      <c r="T17" s="23"/>
      <c r="U17" s="23"/>
      <c r="V17" s="23"/>
      <c r="W17" s="23"/>
      <c r="X17" s="23"/>
      <c r="Y17" s="23"/>
      <c r="Z17" s="23"/>
      <c r="AA17" s="23"/>
      <c r="AB17" s="23"/>
      <c r="AC17" s="23"/>
      <c r="AD17" s="23"/>
      <c r="AE17" s="23"/>
      <c r="AF17" s="23"/>
      <c r="AG17" s="23"/>
      <c r="AH17" s="23"/>
      <c r="AI17" s="23"/>
      <c r="AJ17" s="23"/>
      <c r="AK17" s="23"/>
      <c r="AL17" s="23"/>
      <c r="AM17" s="23"/>
      <c r="AN17" s="23"/>
      <c r="AO17" s="23"/>
      <c r="AP17" s="23"/>
      <c r="AQ17" s="23"/>
      <c r="AR17" s="23"/>
      <c r="AS17" s="23"/>
      <c r="AT17" s="23"/>
      <c r="AU17" s="23"/>
      <c r="AV17" s="25"/>
    </row>
    <row r="18" spans="2:48" x14ac:dyDescent="0.4">
      <c r="B18" s="22" t="s">
        <v>376</v>
      </c>
      <c r="C18" s="23"/>
      <c r="D18" s="23"/>
      <c r="E18" s="23"/>
      <c r="F18" s="23"/>
      <c r="G18" s="23"/>
      <c r="H18" s="23"/>
      <c r="I18" s="23"/>
      <c r="J18" s="23"/>
      <c r="K18" s="23"/>
      <c r="L18" s="23"/>
      <c r="M18" s="23"/>
      <c r="N18" s="23"/>
      <c r="O18" s="23"/>
      <c r="P18" s="23"/>
      <c r="Q18" s="23"/>
      <c r="R18" s="23"/>
      <c r="S18" s="23"/>
      <c r="T18" s="23"/>
      <c r="U18" s="23"/>
      <c r="V18" s="23"/>
      <c r="W18" s="23"/>
      <c r="X18" s="23"/>
      <c r="Y18" s="23"/>
      <c r="Z18" s="23"/>
      <c r="AA18" s="23"/>
      <c r="AB18" s="23"/>
      <c r="AC18" s="23"/>
      <c r="AD18" s="23"/>
      <c r="AE18" s="23"/>
      <c r="AF18" s="23"/>
      <c r="AG18" s="23"/>
      <c r="AH18" s="23"/>
      <c r="AI18" s="23"/>
      <c r="AJ18" s="23"/>
      <c r="AK18" s="23"/>
      <c r="AL18" s="23"/>
      <c r="AM18" s="23"/>
      <c r="AN18" s="23"/>
      <c r="AO18" s="23"/>
      <c r="AP18" s="23"/>
      <c r="AQ18" s="23"/>
      <c r="AR18" s="23"/>
      <c r="AS18" s="23"/>
      <c r="AT18" s="23"/>
      <c r="AU18" s="23"/>
      <c r="AV18" s="25"/>
    </row>
    <row r="19" spans="2:48" x14ac:dyDescent="0.4">
      <c r="B19" s="22" t="s">
        <v>377</v>
      </c>
      <c r="C19" s="23"/>
      <c r="D19" s="23"/>
      <c r="E19" s="23"/>
      <c r="F19" s="23"/>
      <c r="G19" s="23"/>
      <c r="H19" s="23"/>
      <c r="I19" s="23"/>
      <c r="J19" s="23"/>
      <c r="K19" s="23"/>
      <c r="L19" s="23"/>
      <c r="M19" s="23"/>
      <c r="N19" s="23"/>
      <c r="O19" s="23"/>
      <c r="P19" s="23"/>
      <c r="Q19" s="23"/>
      <c r="R19" s="23"/>
      <c r="S19" s="23"/>
      <c r="T19" s="23"/>
      <c r="U19" s="23"/>
      <c r="V19" s="23"/>
      <c r="W19" s="23"/>
      <c r="X19" s="23"/>
      <c r="Y19" s="23"/>
      <c r="Z19" s="23"/>
      <c r="AA19" s="23"/>
      <c r="AB19" s="23"/>
      <c r="AC19" s="23"/>
      <c r="AD19" s="23"/>
      <c r="AE19" s="23"/>
      <c r="AF19" s="23"/>
      <c r="AG19" s="23"/>
      <c r="AH19" s="23"/>
      <c r="AI19" s="23"/>
      <c r="AJ19" s="23"/>
      <c r="AK19" s="23"/>
      <c r="AL19" s="23"/>
      <c r="AM19" s="23"/>
      <c r="AN19" s="23"/>
      <c r="AO19" s="23"/>
      <c r="AP19" s="23"/>
      <c r="AQ19" s="23"/>
      <c r="AR19" s="23"/>
      <c r="AS19" s="23"/>
      <c r="AT19" s="23"/>
      <c r="AU19" s="23"/>
      <c r="AV19" s="25"/>
    </row>
    <row r="20" spans="2:48" x14ac:dyDescent="0.4">
      <c r="B20" s="27" t="s">
        <v>378</v>
      </c>
      <c r="C20" s="23"/>
      <c r="D20" s="23"/>
      <c r="E20" s="23"/>
      <c r="F20" s="23"/>
      <c r="G20" s="23"/>
      <c r="H20" s="23"/>
      <c r="I20" s="23"/>
      <c r="J20" s="23"/>
      <c r="K20" s="23"/>
      <c r="L20" s="23"/>
      <c r="M20" s="23"/>
      <c r="N20" s="23"/>
      <c r="O20" s="23"/>
      <c r="P20" s="23"/>
      <c r="Q20" s="23"/>
      <c r="R20" s="23"/>
      <c r="S20" s="23"/>
      <c r="T20" s="23"/>
      <c r="U20" s="23"/>
      <c r="V20" s="23"/>
      <c r="W20" s="23"/>
      <c r="X20" s="23"/>
      <c r="Y20" s="23"/>
      <c r="Z20" s="23"/>
      <c r="AA20" s="23"/>
      <c r="AB20" s="23"/>
      <c r="AC20" s="23"/>
      <c r="AD20" s="23"/>
      <c r="AE20" s="23"/>
      <c r="AF20" s="23"/>
      <c r="AG20" s="23"/>
      <c r="AH20" s="23"/>
      <c r="AI20" s="23"/>
      <c r="AJ20" s="23"/>
      <c r="AK20" s="23"/>
      <c r="AL20" s="23"/>
      <c r="AM20" s="23"/>
      <c r="AN20" s="23"/>
      <c r="AO20" s="23"/>
      <c r="AP20" s="23"/>
      <c r="AQ20" s="23"/>
      <c r="AR20" s="23"/>
      <c r="AS20" s="23"/>
      <c r="AT20" s="23"/>
      <c r="AU20" s="23"/>
      <c r="AV20" s="25"/>
    </row>
    <row r="21" spans="2:48" x14ac:dyDescent="0.4">
      <c r="B21" s="27" t="s">
        <v>379</v>
      </c>
      <c r="C21" s="23"/>
      <c r="D21" s="23"/>
      <c r="E21" s="23"/>
      <c r="F21" s="23"/>
      <c r="G21" s="23"/>
      <c r="H21" s="23"/>
      <c r="I21" s="23"/>
      <c r="J21" s="23"/>
      <c r="K21" s="23"/>
      <c r="L21" s="23"/>
      <c r="M21" s="23"/>
      <c r="N21" s="23"/>
      <c r="O21" s="23"/>
      <c r="P21" s="23"/>
      <c r="Q21" s="23"/>
      <c r="R21" s="23"/>
      <c r="S21" s="23"/>
      <c r="T21" s="23"/>
      <c r="U21" s="23"/>
      <c r="V21" s="23"/>
      <c r="W21" s="23"/>
      <c r="X21" s="23"/>
      <c r="Y21" s="23"/>
      <c r="Z21" s="23"/>
      <c r="AA21" s="23"/>
      <c r="AB21" s="23"/>
      <c r="AC21" s="23"/>
      <c r="AD21" s="23"/>
      <c r="AE21" s="23"/>
      <c r="AF21" s="23"/>
      <c r="AG21" s="23"/>
      <c r="AH21" s="23"/>
      <c r="AI21" s="23"/>
      <c r="AJ21" s="23"/>
      <c r="AK21" s="23"/>
      <c r="AL21" s="23"/>
      <c r="AM21" s="23"/>
      <c r="AN21" s="23"/>
      <c r="AO21" s="23"/>
      <c r="AP21" s="23"/>
      <c r="AQ21" s="23"/>
      <c r="AR21" s="23"/>
      <c r="AS21" s="23"/>
      <c r="AT21" s="23"/>
      <c r="AU21" s="23"/>
      <c r="AV21" s="25"/>
    </row>
    <row r="22" spans="2:48" x14ac:dyDescent="0.4">
      <c r="B22" s="22" t="s">
        <v>380</v>
      </c>
      <c r="C22" s="23"/>
      <c r="D22" s="23"/>
      <c r="E22" s="23"/>
      <c r="F22" s="23"/>
      <c r="G22" s="23"/>
      <c r="H22" s="23"/>
      <c r="I22" s="23"/>
      <c r="J22" s="23"/>
      <c r="K22" s="23"/>
      <c r="L22" s="23"/>
      <c r="M22" s="23"/>
      <c r="N22" s="23"/>
      <c r="O22" s="23"/>
      <c r="P22" s="23"/>
      <c r="Q22" s="23"/>
      <c r="R22" s="23"/>
      <c r="S22" s="23"/>
      <c r="T22" s="23"/>
      <c r="U22" s="23"/>
      <c r="V22" s="23"/>
      <c r="W22" s="23"/>
      <c r="X22" s="23"/>
      <c r="Y22" s="23"/>
      <c r="Z22" s="23"/>
      <c r="AA22" s="23"/>
      <c r="AB22" s="23"/>
      <c r="AC22" s="23"/>
      <c r="AD22" s="23"/>
      <c r="AE22" s="23"/>
      <c r="AF22" s="23"/>
      <c r="AG22" s="23"/>
      <c r="AH22" s="23"/>
      <c r="AI22" s="23"/>
      <c r="AJ22" s="23"/>
      <c r="AK22" s="23"/>
      <c r="AL22" s="23"/>
      <c r="AM22" s="23"/>
      <c r="AN22" s="23"/>
      <c r="AO22" s="23"/>
      <c r="AP22" s="23"/>
      <c r="AQ22" s="23"/>
      <c r="AR22" s="23"/>
      <c r="AS22" s="23"/>
      <c r="AT22" s="23"/>
      <c r="AU22" s="23"/>
      <c r="AV22" s="25"/>
    </row>
    <row r="23" spans="2:48" x14ac:dyDescent="0.4">
      <c r="B23" s="22" t="s">
        <v>381</v>
      </c>
      <c r="C23" s="23"/>
      <c r="D23" s="23"/>
      <c r="E23" s="23"/>
      <c r="F23" s="23"/>
      <c r="G23" s="23"/>
      <c r="H23" s="23"/>
      <c r="I23" s="23"/>
      <c r="J23" s="23"/>
      <c r="K23" s="23"/>
      <c r="L23" s="23"/>
      <c r="M23" s="23"/>
      <c r="N23" s="23"/>
      <c r="O23" s="23"/>
      <c r="P23" s="23"/>
      <c r="Q23" s="23"/>
      <c r="R23" s="23"/>
      <c r="S23" s="23"/>
      <c r="T23" s="23"/>
      <c r="U23" s="23"/>
      <c r="V23" s="23"/>
      <c r="W23" s="23"/>
      <c r="X23" s="23"/>
      <c r="Y23" s="23"/>
      <c r="Z23" s="23"/>
      <c r="AA23" s="23"/>
      <c r="AB23" s="23"/>
      <c r="AC23" s="23"/>
      <c r="AD23" s="23"/>
      <c r="AE23" s="23"/>
      <c r="AF23" s="23"/>
      <c r="AG23" s="23"/>
      <c r="AH23" s="23"/>
      <c r="AI23" s="23"/>
      <c r="AJ23" s="23"/>
      <c r="AK23" s="23"/>
      <c r="AL23" s="23"/>
      <c r="AM23" s="23"/>
      <c r="AN23" s="23"/>
      <c r="AO23" s="23"/>
      <c r="AP23" s="23"/>
      <c r="AQ23" s="23"/>
      <c r="AR23" s="23"/>
      <c r="AS23" s="23"/>
      <c r="AT23" s="23"/>
      <c r="AU23" s="23"/>
      <c r="AV23" s="25"/>
    </row>
    <row r="24" spans="2:48" ht="19.5" thickBot="1" x14ac:dyDescent="0.45">
      <c r="B24" s="28" t="s">
        <v>382</v>
      </c>
      <c r="C24" s="29"/>
      <c r="D24" s="29"/>
      <c r="E24" s="29"/>
      <c r="F24" s="29"/>
      <c r="G24" s="29"/>
      <c r="H24" s="29"/>
      <c r="I24" s="29"/>
      <c r="J24" s="29"/>
      <c r="K24" s="29"/>
      <c r="L24" s="29"/>
      <c r="M24" s="29"/>
      <c r="N24" s="29"/>
      <c r="O24" s="29"/>
      <c r="P24" s="29"/>
      <c r="Q24" s="29"/>
      <c r="R24" s="29"/>
      <c r="S24" s="29"/>
      <c r="T24" s="29"/>
      <c r="U24" s="29"/>
      <c r="V24" s="29"/>
      <c r="W24" s="29"/>
      <c r="X24" s="29"/>
      <c r="Y24" s="29"/>
      <c r="Z24" s="29"/>
      <c r="AA24" s="29"/>
      <c r="AB24" s="29"/>
      <c r="AC24" s="29"/>
      <c r="AD24" s="29"/>
      <c r="AE24" s="29"/>
      <c r="AF24" s="29"/>
      <c r="AG24" s="29"/>
      <c r="AH24" s="29"/>
      <c r="AI24" s="29"/>
      <c r="AJ24" s="29"/>
      <c r="AK24" s="29"/>
      <c r="AL24" s="29"/>
      <c r="AM24" s="29"/>
      <c r="AN24" s="29"/>
      <c r="AO24" s="29"/>
      <c r="AP24" s="29"/>
      <c r="AQ24" s="29"/>
      <c r="AR24" s="29"/>
      <c r="AS24" s="29"/>
      <c r="AT24" s="29"/>
      <c r="AU24" s="29"/>
      <c r="AV24" s="30"/>
    </row>
    <row r="26" spans="2:48" x14ac:dyDescent="0.4">
      <c r="B26" t="s">
        <v>383</v>
      </c>
      <c r="D26" t="s">
        <v>384</v>
      </c>
      <c r="F26" t="s">
        <v>385</v>
      </c>
    </row>
    <row r="27" spans="2:48" x14ac:dyDescent="0.4">
      <c r="B27" t="s">
        <v>386</v>
      </c>
      <c r="D27" t="s">
        <v>387</v>
      </c>
      <c r="F27" t="s">
        <v>388</v>
      </c>
    </row>
    <row r="28" spans="2:48" x14ac:dyDescent="0.4">
      <c r="B28" t="s">
        <v>389</v>
      </c>
      <c r="D28" t="s">
        <v>390</v>
      </c>
      <c r="F28" t="s">
        <v>391</v>
      </c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FFF57B-3261-45E7-97F8-F6D1674FFBC9}">
  <sheetPr>
    <pageSetUpPr fitToPage="1"/>
  </sheetPr>
  <dimension ref="A1:CJ573"/>
  <sheetViews>
    <sheetView showGridLines="0" tabSelected="1" zoomScale="70" zoomScaleNormal="70" zoomScaleSheetLayoutView="82" workbookViewId="0">
      <pane xSplit="3" ySplit="2" topLeftCell="D3" activePane="bottomRight" state="frozen"/>
      <selection pane="topRight"/>
      <selection pane="bottomLeft"/>
      <selection pane="bottomRight" activeCell="AG3" sqref="AG3"/>
    </sheetView>
  </sheetViews>
  <sheetFormatPr defaultRowHeight="18.75" x14ac:dyDescent="0.4"/>
  <cols>
    <col min="1" max="1" width="10.75" customWidth="1"/>
    <col min="2" max="2" width="15.125" customWidth="1"/>
    <col min="3" max="3" width="65" customWidth="1"/>
    <col min="4" max="4" width="23.5" customWidth="1"/>
    <col min="5" max="5" width="11.875" customWidth="1"/>
    <col min="6" max="6" width="41.25" customWidth="1"/>
    <col min="7" max="7" width="72" customWidth="1"/>
    <col min="8" max="8" width="17" customWidth="1"/>
    <col min="9" max="9" width="119.125" customWidth="1"/>
    <col min="10" max="10" width="76.375" customWidth="1"/>
    <col min="11" max="11" width="120.75" customWidth="1"/>
    <col min="12" max="12" width="79.625" customWidth="1"/>
    <col min="13" max="13" width="25.75" customWidth="1"/>
    <col min="14" max="17" width="11.875" customWidth="1"/>
    <col min="18" max="18" width="28.25" customWidth="1"/>
    <col min="19" max="19" width="12.375" customWidth="1"/>
    <col min="20" max="20" width="31" customWidth="1"/>
    <col min="21" max="27" width="12.375" customWidth="1"/>
    <col min="28" max="28" width="12.125" customWidth="1"/>
    <col min="29" max="29" width="12.375" customWidth="1"/>
    <col min="30" max="30" width="80.75" customWidth="1"/>
    <col min="31" max="32" width="12.375" customWidth="1"/>
  </cols>
  <sheetData>
    <row r="1" spans="1:61" ht="18.75" customHeight="1" x14ac:dyDescent="0.4">
      <c r="A1" s="32" t="s">
        <v>393</v>
      </c>
      <c r="R1" s="5"/>
    </row>
    <row r="2" spans="1:61" s="15" customFormat="1" ht="228" customHeight="1" x14ac:dyDescent="0.4">
      <c r="A2" s="1" t="s">
        <v>394</v>
      </c>
      <c r="B2" s="1" t="s">
        <v>395</v>
      </c>
      <c r="C2" s="2" t="s">
        <v>396</v>
      </c>
      <c r="D2" s="1" t="s">
        <v>397</v>
      </c>
      <c r="E2" s="1" t="s">
        <v>398</v>
      </c>
      <c r="F2" s="1" t="s">
        <v>399</v>
      </c>
      <c r="G2" s="1" t="s">
        <v>400</v>
      </c>
      <c r="H2" s="1" t="s">
        <v>401</v>
      </c>
      <c r="I2" s="1" t="s">
        <v>402</v>
      </c>
      <c r="J2" s="1" t="s">
        <v>403</v>
      </c>
      <c r="K2" s="1" t="s">
        <v>404</v>
      </c>
      <c r="L2" s="1" t="s">
        <v>405</v>
      </c>
      <c r="M2" s="1" t="s">
        <v>406</v>
      </c>
      <c r="N2" s="1" t="s">
        <v>407</v>
      </c>
      <c r="O2" s="1" t="s">
        <v>408</v>
      </c>
      <c r="P2" s="1" t="s">
        <v>409</v>
      </c>
      <c r="Q2" s="1" t="s">
        <v>410</v>
      </c>
      <c r="R2" s="3" t="s">
        <v>411</v>
      </c>
      <c r="S2" s="1" t="s">
        <v>412</v>
      </c>
      <c r="T2" s="1" t="s">
        <v>413</v>
      </c>
      <c r="U2" s="1" t="s">
        <v>414</v>
      </c>
      <c r="V2" s="1" t="s">
        <v>415</v>
      </c>
      <c r="W2" s="1" t="s">
        <v>416</v>
      </c>
      <c r="X2" s="1" t="s">
        <v>415</v>
      </c>
      <c r="Y2" s="1" t="s">
        <v>417</v>
      </c>
      <c r="Z2" s="1" t="s">
        <v>415</v>
      </c>
      <c r="AA2" s="1" t="s">
        <v>418</v>
      </c>
      <c r="AB2" s="1" t="s">
        <v>415</v>
      </c>
      <c r="AC2" s="1" t="s">
        <v>419</v>
      </c>
      <c r="AD2" s="1" t="s">
        <v>415</v>
      </c>
      <c r="AE2" s="33" t="s">
        <v>922</v>
      </c>
      <c r="AF2" s="33" t="s">
        <v>924</v>
      </c>
    </row>
    <row r="3" spans="1:61" s="14" customFormat="1" ht="30.75" customHeight="1" x14ac:dyDescent="0.4">
      <c r="A3" s="35" t="s">
        <v>465</v>
      </c>
      <c r="B3" s="35" t="s">
        <v>79</v>
      </c>
      <c r="C3" s="35" t="s">
        <v>466</v>
      </c>
      <c r="D3" s="35" t="s">
        <v>467</v>
      </c>
      <c r="E3" s="35" t="s">
        <v>468</v>
      </c>
      <c r="F3" s="35" t="s">
        <v>469</v>
      </c>
      <c r="G3" s="35" t="s">
        <v>470</v>
      </c>
      <c r="H3" s="35" t="s">
        <v>471</v>
      </c>
      <c r="I3" s="35" t="s">
        <v>472</v>
      </c>
      <c r="J3" s="35" t="s">
        <v>473</v>
      </c>
      <c r="K3" s="42" t="s">
        <v>474</v>
      </c>
      <c r="L3" s="35" t="s">
        <v>475</v>
      </c>
      <c r="M3" s="35"/>
      <c r="N3" s="35" t="s">
        <v>420</v>
      </c>
      <c r="O3" s="35" t="s">
        <v>420</v>
      </c>
      <c r="P3" s="35"/>
      <c r="Q3" s="35"/>
      <c r="R3" s="35" t="s">
        <v>424</v>
      </c>
      <c r="S3" s="35" t="s">
        <v>421</v>
      </c>
      <c r="T3" s="35" t="s">
        <v>476</v>
      </c>
      <c r="U3" s="35"/>
      <c r="V3" s="35"/>
      <c r="W3" s="35"/>
      <c r="X3" s="35"/>
      <c r="Y3" s="35"/>
      <c r="Z3" s="35"/>
      <c r="AA3" s="35"/>
      <c r="AB3" s="38"/>
      <c r="AC3" s="35" t="s">
        <v>420</v>
      </c>
      <c r="AD3" s="35" t="s">
        <v>477</v>
      </c>
      <c r="AE3" s="39">
        <v>15</v>
      </c>
      <c r="AF3" s="40"/>
    </row>
    <row r="4" spans="1:61" s="4" customFormat="1" ht="28.5" x14ac:dyDescent="0.4">
      <c r="A4" s="35" t="s">
        <v>478</v>
      </c>
      <c r="B4" s="35" t="s">
        <v>79</v>
      </c>
      <c r="C4" s="35" t="s">
        <v>479</v>
      </c>
      <c r="D4" s="35" t="s">
        <v>480</v>
      </c>
      <c r="E4" s="35" t="s">
        <v>481</v>
      </c>
      <c r="F4" s="35" t="s">
        <v>482</v>
      </c>
      <c r="G4" s="35" t="s">
        <v>483</v>
      </c>
      <c r="H4" s="35" t="s">
        <v>484</v>
      </c>
      <c r="I4" s="35" t="s">
        <v>485</v>
      </c>
      <c r="J4" s="35" t="s">
        <v>486</v>
      </c>
      <c r="K4" s="42" t="s">
        <v>487</v>
      </c>
      <c r="L4" s="35" t="s">
        <v>449</v>
      </c>
      <c r="M4" s="35"/>
      <c r="N4" s="35" t="s">
        <v>420</v>
      </c>
      <c r="O4" s="35" t="s">
        <v>420</v>
      </c>
      <c r="P4" s="35"/>
      <c r="Q4" s="35"/>
      <c r="R4" s="35" t="s">
        <v>424</v>
      </c>
      <c r="S4" s="35" t="s">
        <v>421</v>
      </c>
      <c r="T4" s="35" t="s">
        <v>431</v>
      </c>
      <c r="U4" s="35"/>
      <c r="V4" s="35"/>
      <c r="W4" s="35"/>
      <c r="X4" s="35"/>
      <c r="Y4" s="35"/>
      <c r="Z4" s="35"/>
      <c r="AA4" s="35"/>
      <c r="AB4" s="35"/>
      <c r="AC4" s="35" t="s">
        <v>420</v>
      </c>
      <c r="AD4" s="42" t="s">
        <v>488</v>
      </c>
      <c r="AE4" s="41">
        <v>15</v>
      </c>
      <c r="AF4" s="40"/>
    </row>
    <row r="5" spans="1:61" s="38" customFormat="1" ht="28.5" x14ac:dyDescent="0.4">
      <c r="A5" s="35" t="s">
        <v>465</v>
      </c>
      <c r="B5" s="35" t="s">
        <v>79</v>
      </c>
      <c r="C5" s="35" t="s">
        <v>923</v>
      </c>
      <c r="D5" s="35" t="s">
        <v>489</v>
      </c>
      <c r="E5" s="35" t="s">
        <v>490</v>
      </c>
      <c r="F5" s="35" t="s">
        <v>491</v>
      </c>
      <c r="G5" s="35" t="s">
        <v>492</v>
      </c>
      <c r="H5" s="35" t="s">
        <v>493</v>
      </c>
      <c r="I5" s="36" t="s">
        <v>494</v>
      </c>
      <c r="J5" s="35" t="s">
        <v>495</v>
      </c>
      <c r="K5" s="36" t="s">
        <v>496</v>
      </c>
      <c r="L5" s="35" t="s">
        <v>497</v>
      </c>
      <c r="M5" s="35"/>
      <c r="N5" s="35"/>
      <c r="O5" s="35"/>
      <c r="P5" s="35"/>
      <c r="Q5" s="35"/>
      <c r="R5" s="35" t="s">
        <v>425</v>
      </c>
      <c r="S5" s="37" t="s">
        <v>438</v>
      </c>
      <c r="T5" s="35" t="s">
        <v>422</v>
      </c>
      <c r="U5" s="35"/>
      <c r="V5" s="35"/>
      <c r="W5" s="35"/>
      <c r="X5" s="35"/>
      <c r="Y5" s="35"/>
      <c r="Z5" s="35"/>
      <c r="AA5" s="35"/>
      <c r="AB5" s="35"/>
      <c r="AC5" s="35" t="s">
        <v>420</v>
      </c>
      <c r="AD5" s="35" t="s">
        <v>498</v>
      </c>
      <c r="AE5" s="39"/>
      <c r="AF5" s="40"/>
      <c r="AG5" s="5"/>
      <c r="AH5" s="5"/>
      <c r="AI5" s="5"/>
      <c r="AJ5" s="5"/>
      <c r="AK5" s="5"/>
      <c r="AL5" s="5"/>
      <c r="AM5" s="5"/>
      <c r="AN5" s="5"/>
      <c r="AO5" s="5"/>
      <c r="AP5" s="5"/>
      <c r="AQ5" s="5"/>
      <c r="AR5" s="5"/>
      <c r="AS5" s="5"/>
      <c r="AT5" s="5"/>
      <c r="AU5" s="5"/>
      <c r="AV5" s="5"/>
      <c r="AW5" s="5"/>
      <c r="AX5" s="5"/>
      <c r="AY5" s="5"/>
      <c r="AZ5" s="5"/>
      <c r="BA5" s="5"/>
      <c r="BB5" s="5"/>
      <c r="BC5" s="5"/>
      <c r="BD5" s="5"/>
      <c r="BE5" s="5"/>
      <c r="BF5" s="5"/>
      <c r="BG5" s="5"/>
      <c r="BH5" s="5"/>
      <c r="BI5" s="5"/>
    </row>
    <row r="6" spans="1:61" s="5" customFormat="1" ht="30.75" customHeight="1" x14ac:dyDescent="0.4">
      <c r="A6" s="47" t="s">
        <v>499</v>
      </c>
      <c r="B6" s="35" t="s">
        <v>79</v>
      </c>
      <c r="C6" s="47" t="s">
        <v>500</v>
      </c>
      <c r="D6" s="47" t="s">
        <v>501</v>
      </c>
      <c r="E6" s="47" t="s">
        <v>502</v>
      </c>
      <c r="F6" s="47" t="s">
        <v>503</v>
      </c>
      <c r="G6" s="47" t="s">
        <v>504</v>
      </c>
      <c r="H6" s="47" t="s">
        <v>505</v>
      </c>
      <c r="I6" s="47" t="s">
        <v>506</v>
      </c>
      <c r="J6" s="47"/>
      <c r="K6" s="49" t="s">
        <v>507</v>
      </c>
      <c r="L6" s="35"/>
      <c r="M6" s="47"/>
      <c r="N6" s="47"/>
      <c r="O6" s="47"/>
      <c r="P6" s="47"/>
      <c r="Q6" s="47"/>
      <c r="R6" s="47" t="s">
        <v>458</v>
      </c>
      <c r="S6" s="37" t="s">
        <v>460</v>
      </c>
      <c r="T6" s="35"/>
      <c r="U6" s="47"/>
      <c r="V6" s="47"/>
      <c r="W6" s="47"/>
      <c r="X6" s="47"/>
      <c r="Y6" s="47"/>
      <c r="Z6" s="47"/>
      <c r="AA6" s="47"/>
      <c r="AB6" s="47"/>
      <c r="AC6" s="47"/>
      <c r="AD6" s="47"/>
      <c r="AE6" s="39">
        <v>10</v>
      </c>
      <c r="AF6" s="40"/>
    </row>
    <row r="7" spans="1:61" s="5" customFormat="1" ht="30.75" customHeight="1" x14ac:dyDescent="0.4">
      <c r="A7" s="35" t="s">
        <v>465</v>
      </c>
      <c r="B7" s="35" t="s">
        <v>79</v>
      </c>
      <c r="C7" s="35" t="s">
        <v>508</v>
      </c>
      <c r="D7" s="35" t="s">
        <v>509</v>
      </c>
      <c r="E7" s="35" t="s">
        <v>510</v>
      </c>
      <c r="F7" s="35" t="s">
        <v>511</v>
      </c>
      <c r="G7" s="35" t="s">
        <v>512</v>
      </c>
      <c r="H7" s="35" t="s">
        <v>513</v>
      </c>
      <c r="I7" s="35" t="s">
        <v>514</v>
      </c>
      <c r="J7" s="35" t="s">
        <v>515</v>
      </c>
      <c r="K7" s="35" t="s">
        <v>516</v>
      </c>
      <c r="L7" s="35" t="s">
        <v>449</v>
      </c>
      <c r="M7" s="35"/>
      <c r="N7" s="35"/>
      <c r="O7" s="35"/>
      <c r="P7" s="35"/>
      <c r="Q7" s="35"/>
      <c r="R7" s="35" t="s">
        <v>425</v>
      </c>
      <c r="S7" s="37" t="s">
        <v>459</v>
      </c>
      <c r="T7" s="35"/>
      <c r="U7" s="35"/>
      <c r="V7" s="35"/>
      <c r="W7" s="35"/>
      <c r="X7" s="35"/>
      <c r="Y7" s="35"/>
      <c r="Z7" s="35"/>
      <c r="AA7" s="35"/>
      <c r="AB7" s="35"/>
      <c r="AC7" s="35"/>
      <c r="AD7" s="35"/>
      <c r="AE7" s="39">
        <v>10</v>
      </c>
      <c r="AF7" s="40"/>
    </row>
    <row r="8" spans="1:61" s="5" customFormat="1" ht="30.75" customHeight="1" x14ac:dyDescent="0.4">
      <c r="A8" s="35" t="s">
        <v>32</v>
      </c>
      <c r="B8" s="35" t="s">
        <v>517</v>
      </c>
      <c r="C8" s="35" t="s">
        <v>518</v>
      </c>
      <c r="D8" s="35" t="s">
        <v>519</v>
      </c>
      <c r="E8" s="35" t="s">
        <v>520</v>
      </c>
      <c r="F8" s="35" t="s">
        <v>521</v>
      </c>
      <c r="G8" s="35" t="s">
        <v>522</v>
      </c>
      <c r="H8" s="35" t="s">
        <v>523</v>
      </c>
      <c r="I8" s="35" t="s">
        <v>524</v>
      </c>
      <c r="J8" s="35" t="s">
        <v>525</v>
      </c>
      <c r="K8" s="42" t="s">
        <v>526</v>
      </c>
      <c r="L8" s="35" t="s">
        <v>527</v>
      </c>
      <c r="M8" s="35" t="s">
        <v>528</v>
      </c>
      <c r="N8" s="35" t="s">
        <v>420</v>
      </c>
      <c r="O8" s="35"/>
      <c r="P8" s="35"/>
      <c r="Q8" s="35"/>
      <c r="R8" s="35" t="s">
        <v>424</v>
      </c>
      <c r="S8" s="37" t="s">
        <v>421</v>
      </c>
      <c r="T8" s="35"/>
      <c r="U8" s="35"/>
      <c r="V8" s="35"/>
      <c r="W8" s="35"/>
      <c r="X8" s="35"/>
      <c r="Y8" s="35"/>
      <c r="Z8" s="35"/>
      <c r="AA8" s="35" t="s">
        <v>420</v>
      </c>
      <c r="AB8" s="35" t="s">
        <v>463</v>
      </c>
      <c r="AC8" s="35" t="s">
        <v>420</v>
      </c>
      <c r="AD8" s="35" t="s">
        <v>529</v>
      </c>
      <c r="AE8" s="39">
        <v>15</v>
      </c>
      <c r="AF8" s="40"/>
    </row>
    <row r="9" spans="1:61" s="5" customFormat="1" ht="30.75" customHeight="1" x14ac:dyDescent="0.4">
      <c r="A9" s="35" t="s">
        <v>465</v>
      </c>
      <c r="B9" s="35" t="s">
        <v>530</v>
      </c>
      <c r="C9" s="35" t="s">
        <v>531</v>
      </c>
      <c r="D9" s="35" t="s">
        <v>532</v>
      </c>
      <c r="E9" s="35" t="s">
        <v>533</v>
      </c>
      <c r="F9" s="35" t="s">
        <v>534</v>
      </c>
      <c r="G9" s="35" t="s">
        <v>535</v>
      </c>
      <c r="H9" s="35" t="s">
        <v>536</v>
      </c>
      <c r="I9" s="35" t="s">
        <v>537</v>
      </c>
      <c r="J9" s="35" t="s">
        <v>538</v>
      </c>
      <c r="K9" s="35" t="s">
        <v>448</v>
      </c>
      <c r="L9" s="35" t="s">
        <v>539</v>
      </c>
      <c r="M9" s="35"/>
      <c r="N9" s="35"/>
      <c r="O9" s="35" t="s">
        <v>420</v>
      </c>
      <c r="P9" s="35"/>
      <c r="Q9" s="35"/>
      <c r="R9" s="35" t="s">
        <v>425</v>
      </c>
      <c r="S9" s="37" t="s">
        <v>421</v>
      </c>
      <c r="T9" s="35" t="s">
        <v>437</v>
      </c>
      <c r="U9" s="35"/>
      <c r="V9" s="35"/>
      <c r="W9" s="35"/>
      <c r="X9" s="35"/>
      <c r="Y9" s="35"/>
      <c r="Z9" s="35"/>
      <c r="AA9" s="35"/>
      <c r="AB9" s="35"/>
      <c r="AC9" s="35" t="s">
        <v>420</v>
      </c>
      <c r="AD9" s="35" t="s">
        <v>540</v>
      </c>
      <c r="AE9" s="39">
        <v>10</v>
      </c>
      <c r="AF9" s="40"/>
    </row>
    <row r="10" spans="1:61" s="5" customFormat="1" ht="71.25" x14ac:dyDescent="0.4">
      <c r="A10" s="35" t="s">
        <v>465</v>
      </c>
      <c r="B10" s="35" t="s">
        <v>541</v>
      </c>
      <c r="C10" s="35" t="s">
        <v>542</v>
      </c>
      <c r="D10" s="35" t="s">
        <v>543</v>
      </c>
      <c r="E10" s="35" t="s">
        <v>544</v>
      </c>
      <c r="F10" s="35" t="s">
        <v>545</v>
      </c>
      <c r="G10" s="35" t="s">
        <v>546</v>
      </c>
      <c r="H10" s="35" t="s">
        <v>547</v>
      </c>
      <c r="I10" s="35" t="s">
        <v>548</v>
      </c>
      <c r="J10" s="35" t="s">
        <v>549</v>
      </c>
      <c r="K10" s="44" t="s">
        <v>550</v>
      </c>
      <c r="L10" s="35" t="s">
        <v>551</v>
      </c>
      <c r="M10" s="35"/>
      <c r="N10" s="35"/>
      <c r="O10" s="35"/>
      <c r="P10" s="35"/>
      <c r="Q10" s="35"/>
      <c r="R10" s="35" t="s">
        <v>425</v>
      </c>
      <c r="S10" s="35" t="s">
        <v>421</v>
      </c>
      <c r="T10" s="35" t="s">
        <v>431</v>
      </c>
      <c r="U10" s="35"/>
      <c r="V10" s="35"/>
      <c r="W10" s="35"/>
      <c r="X10" s="35"/>
      <c r="Y10" s="35"/>
      <c r="Z10" s="35"/>
      <c r="AA10" s="35"/>
      <c r="AB10" s="35"/>
      <c r="AC10" s="35" t="s">
        <v>451</v>
      </c>
      <c r="AD10" s="44" t="s">
        <v>552</v>
      </c>
      <c r="AE10" s="39">
        <v>10</v>
      </c>
      <c r="AF10" s="40"/>
    </row>
    <row r="11" spans="1:61" s="5" customFormat="1" ht="207" customHeight="1" x14ac:dyDescent="0.4">
      <c r="A11" s="35" t="s">
        <v>465</v>
      </c>
      <c r="B11" s="35" t="s">
        <v>541</v>
      </c>
      <c r="C11" s="35" t="s">
        <v>553</v>
      </c>
      <c r="D11" s="35" t="s">
        <v>554</v>
      </c>
      <c r="E11" s="35" t="s">
        <v>555</v>
      </c>
      <c r="F11" s="35" t="s">
        <v>556</v>
      </c>
      <c r="G11" s="35" t="s">
        <v>557</v>
      </c>
      <c r="H11" s="35" t="s">
        <v>558</v>
      </c>
      <c r="I11" s="35" t="s">
        <v>559</v>
      </c>
      <c r="J11" s="35" t="s">
        <v>560</v>
      </c>
      <c r="K11" s="42" t="s">
        <v>561</v>
      </c>
      <c r="L11" s="35" t="s">
        <v>562</v>
      </c>
      <c r="M11" s="35" t="s">
        <v>446</v>
      </c>
      <c r="N11" s="35" t="s">
        <v>420</v>
      </c>
      <c r="O11" s="35" t="s">
        <v>420</v>
      </c>
      <c r="P11" s="35"/>
      <c r="Q11" s="35"/>
      <c r="R11" s="35" t="s">
        <v>424</v>
      </c>
      <c r="S11" s="35" t="s">
        <v>421</v>
      </c>
      <c r="T11" s="35" t="s">
        <v>476</v>
      </c>
      <c r="U11" s="35"/>
      <c r="V11" s="35"/>
      <c r="W11" s="35"/>
      <c r="X11" s="35"/>
      <c r="Y11" s="35"/>
      <c r="Z11" s="35"/>
      <c r="AA11" s="35" t="s">
        <v>420</v>
      </c>
      <c r="AB11" s="42" t="s">
        <v>563</v>
      </c>
      <c r="AC11" s="35" t="s">
        <v>451</v>
      </c>
      <c r="AD11" s="42" t="s">
        <v>564</v>
      </c>
      <c r="AE11" s="39">
        <v>10</v>
      </c>
      <c r="AF11" s="40"/>
    </row>
    <row r="12" spans="1:61" s="5" customFormat="1" ht="199.5" x14ac:dyDescent="0.4">
      <c r="A12" s="35" t="s">
        <v>465</v>
      </c>
      <c r="B12" s="35" t="s">
        <v>541</v>
      </c>
      <c r="C12" s="35" t="s">
        <v>565</v>
      </c>
      <c r="D12" s="35" t="s">
        <v>566</v>
      </c>
      <c r="E12" s="35" t="s">
        <v>567</v>
      </c>
      <c r="F12" s="35" t="s">
        <v>568</v>
      </c>
      <c r="G12" s="35" t="s">
        <v>569</v>
      </c>
      <c r="H12" s="35" t="s">
        <v>570</v>
      </c>
      <c r="I12" s="35" t="s">
        <v>571</v>
      </c>
      <c r="J12" s="35" t="s">
        <v>572</v>
      </c>
      <c r="K12" s="46" t="s">
        <v>573</v>
      </c>
      <c r="L12" s="35" t="s">
        <v>574</v>
      </c>
      <c r="M12" s="35"/>
      <c r="N12" s="35" t="s">
        <v>420</v>
      </c>
      <c r="O12" s="35" t="s">
        <v>420</v>
      </c>
      <c r="P12" s="35"/>
      <c r="Q12" s="35"/>
      <c r="R12" s="35" t="s">
        <v>424</v>
      </c>
      <c r="S12" s="35" t="s">
        <v>421</v>
      </c>
      <c r="T12" s="35" t="s">
        <v>476</v>
      </c>
      <c r="U12" s="35"/>
      <c r="V12" s="35"/>
      <c r="W12" s="35"/>
      <c r="X12" s="35"/>
      <c r="Y12" s="35"/>
      <c r="Z12" s="35"/>
      <c r="AA12" s="35" t="s">
        <v>420</v>
      </c>
      <c r="AB12" s="42" t="s">
        <v>575</v>
      </c>
      <c r="AC12" s="35" t="s">
        <v>420</v>
      </c>
      <c r="AD12" s="43" t="s">
        <v>586</v>
      </c>
      <c r="AE12" s="39">
        <v>10</v>
      </c>
      <c r="AF12" s="40"/>
    </row>
    <row r="13" spans="1:61" s="5" customFormat="1" ht="57" x14ac:dyDescent="0.4">
      <c r="A13" s="35" t="s">
        <v>465</v>
      </c>
      <c r="B13" s="35" t="s">
        <v>541</v>
      </c>
      <c r="C13" s="35" t="s">
        <v>576</v>
      </c>
      <c r="D13" s="35" t="s">
        <v>577</v>
      </c>
      <c r="E13" s="35" t="s">
        <v>578</v>
      </c>
      <c r="F13" s="35" t="s">
        <v>579</v>
      </c>
      <c r="G13" s="35" t="s">
        <v>580</v>
      </c>
      <c r="H13" s="35" t="s">
        <v>581</v>
      </c>
      <c r="I13" s="35" t="s">
        <v>582</v>
      </c>
      <c r="J13" s="35" t="s">
        <v>583</v>
      </c>
      <c r="K13" s="42" t="s">
        <v>584</v>
      </c>
      <c r="L13" s="35" t="s">
        <v>903</v>
      </c>
      <c r="M13" s="35" t="s">
        <v>585</v>
      </c>
      <c r="N13" s="35"/>
      <c r="O13" s="35"/>
      <c r="P13" s="35"/>
      <c r="Q13" s="35"/>
      <c r="R13" s="35" t="s">
        <v>424</v>
      </c>
      <c r="S13" s="37" t="s">
        <v>436</v>
      </c>
      <c r="T13" s="35" t="s">
        <v>431</v>
      </c>
      <c r="U13" s="35"/>
      <c r="V13" s="35"/>
      <c r="W13" s="35"/>
      <c r="X13" s="35"/>
      <c r="Y13" s="35"/>
      <c r="Z13" s="35"/>
      <c r="AA13" s="35"/>
      <c r="AB13" s="35"/>
      <c r="AC13" s="35" t="s">
        <v>420</v>
      </c>
      <c r="AD13" s="35" t="s">
        <v>586</v>
      </c>
      <c r="AE13" s="39">
        <v>10</v>
      </c>
      <c r="AF13" s="40"/>
    </row>
    <row r="14" spans="1:61" s="5" customFormat="1" ht="30.75" customHeight="1" x14ac:dyDescent="0.4">
      <c r="A14" s="47" t="s">
        <v>587</v>
      </c>
      <c r="B14" s="35" t="s">
        <v>541</v>
      </c>
      <c r="C14" s="47" t="s">
        <v>588</v>
      </c>
      <c r="D14" s="47" t="s">
        <v>589</v>
      </c>
      <c r="E14" s="47" t="s">
        <v>590</v>
      </c>
      <c r="F14" s="47" t="s">
        <v>591</v>
      </c>
      <c r="G14" s="47" t="s">
        <v>592</v>
      </c>
      <c r="H14" s="47" t="s">
        <v>593</v>
      </c>
      <c r="I14" s="47" t="s">
        <v>594</v>
      </c>
      <c r="J14" s="47" t="s">
        <v>595</v>
      </c>
      <c r="K14" s="47" t="s">
        <v>596</v>
      </c>
      <c r="L14" s="47" t="s">
        <v>450</v>
      </c>
      <c r="M14" s="47"/>
      <c r="N14" s="47"/>
      <c r="O14" s="47"/>
      <c r="P14" s="47"/>
      <c r="Q14" s="47"/>
      <c r="R14" s="47" t="s">
        <v>386</v>
      </c>
      <c r="S14" s="47" t="s">
        <v>429</v>
      </c>
      <c r="T14" s="47" t="s">
        <v>431</v>
      </c>
      <c r="U14" s="47"/>
      <c r="V14" s="47"/>
      <c r="W14" s="47"/>
      <c r="X14" s="47"/>
      <c r="Y14" s="47"/>
      <c r="Z14" s="47"/>
      <c r="AA14" s="47"/>
      <c r="AB14" s="47"/>
      <c r="AC14" s="47" t="s">
        <v>392</v>
      </c>
      <c r="AD14" s="47" t="s">
        <v>597</v>
      </c>
      <c r="AE14" s="39">
        <v>10</v>
      </c>
      <c r="AF14" s="40"/>
    </row>
    <row r="15" spans="1:61" s="5" customFormat="1" ht="30.75" customHeight="1" x14ac:dyDescent="0.4">
      <c r="A15" s="35" t="s">
        <v>465</v>
      </c>
      <c r="B15" s="35" t="s">
        <v>541</v>
      </c>
      <c r="C15" s="35" t="s">
        <v>598</v>
      </c>
      <c r="D15" s="35" t="s">
        <v>599</v>
      </c>
      <c r="E15" s="35" t="s">
        <v>600</v>
      </c>
      <c r="F15" s="35" t="s">
        <v>601</v>
      </c>
      <c r="G15" s="35" t="s">
        <v>602</v>
      </c>
      <c r="H15" s="35" t="s">
        <v>603</v>
      </c>
      <c r="I15" s="35" t="s">
        <v>604</v>
      </c>
      <c r="J15" s="35"/>
      <c r="K15" s="35" t="s">
        <v>605</v>
      </c>
      <c r="L15" s="35"/>
      <c r="M15" s="35"/>
      <c r="N15" s="35"/>
      <c r="O15" s="35"/>
      <c r="P15" s="35"/>
      <c r="Q15" s="35"/>
      <c r="R15" s="35" t="s">
        <v>386</v>
      </c>
      <c r="S15" s="37" t="s">
        <v>433</v>
      </c>
      <c r="T15" s="35"/>
      <c r="U15" s="35"/>
      <c r="V15" s="35"/>
      <c r="W15" s="35"/>
      <c r="X15" s="35"/>
      <c r="Y15" s="35"/>
      <c r="Z15" s="35"/>
      <c r="AA15" s="35"/>
      <c r="AB15" s="35"/>
      <c r="AC15" s="35" t="s">
        <v>392</v>
      </c>
      <c r="AD15" s="35" t="s">
        <v>452</v>
      </c>
      <c r="AE15" s="39">
        <v>10</v>
      </c>
      <c r="AF15" s="40"/>
    </row>
    <row r="16" spans="1:61" s="5" customFormat="1" ht="30.75" customHeight="1" x14ac:dyDescent="0.4">
      <c r="A16" s="47" t="s">
        <v>587</v>
      </c>
      <c r="B16" s="35" t="s">
        <v>541</v>
      </c>
      <c r="C16" s="47" t="s">
        <v>606</v>
      </c>
      <c r="D16" s="47" t="s">
        <v>607</v>
      </c>
      <c r="E16" s="47" t="s">
        <v>590</v>
      </c>
      <c r="F16" s="47" t="s">
        <v>608</v>
      </c>
      <c r="G16" s="47" t="s">
        <v>609</v>
      </c>
      <c r="H16" s="47" t="s">
        <v>610</v>
      </c>
      <c r="I16" s="47" t="s">
        <v>611</v>
      </c>
      <c r="J16" s="47"/>
      <c r="K16" s="47" t="s">
        <v>426</v>
      </c>
      <c r="L16" s="47"/>
      <c r="M16" s="47"/>
      <c r="N16" s="47"/>
      <c r="O16" s="47"/>
      <c r="P16" s="47"/>
      <c r="Q16" s="47"/>
      <c r="R16" s="47" t="s">
        <v>386</v>
      </c>
      <c r="S16" s="47" t="s">
        <v>430</v>
      </c>
      <c r="T16" s="35"/>
      <c r="U16" s="47"/>
      <c r="V16" s="47"/>
      <c r="W16" s="47"/>
      <c r="X16" s="47"/>
      <c r="Y16" s="47" t="s">
        <v>420</v>
      </c>
      <c r="Z16" s="47" t="s">
        <v>612</v>
      </c>
      <c r="AA16" s="47"/>
      <c r="AB16" s="47"/>
      <c r="AC16" s="47" t="s">
        <v>420</v>
      </c>
      <c r="AD16" s="47" t="s">
        <v>613</v>
      </c>
      <c r="AE16" s="39">
        <v>10</v>
      </c>
      <c r="AF16" s="40"/>
    </row>
    <row r="17" spans="1:32" s="5" customFormat="1" ht="30.75" customHeight="1" x14ac:dyDescent="0.4">
      <c r="A17" s="47" t="s">
        <v>499</v>
      </c>
      <c r="B17" s="35" t="s">
        <v>541</v>
      </c>
      <c r="C17" s="47" t="s">
        <v>614</v>
      </c>
      <c r="D17" s="47" t="s">
        <v>615</v>
      </c>
      <c r="E17" s="47" t="s">
        <v>590</v>
      </c>
      <c r="F17" s="47" t="s">
        <v>616</v>
      </c>
      <c r="G17" s="47" t="s">
        <v>617</v>
      </c>
      <c r="H17" s="47" t="s">
        <v>618</v>
      </c>
      <c r="I17" s="47" t="s">
        <v>619</v>
      </c>
      <c r="J17" s="47" t="s">
        <v>620</v>
      </c>
      <c r="K17" s="49" t="s">
        <v>621</v>
      </c>
      <c r="L17" s="47"/>
      <c r="M17" s="47"/>
      <c r="N17" s="47"/>
      <c r="O17" s="47"/>
      <c r="P17" s="47"/>
      <c r="Q17" s="47"/>
      <c r="R17" s="47" t="s">
        <v>386</v>
      </c>
      <c r="S17" s="37" t="s">
        <v>430</v>
      </c>
      <c r="T17" s="47"/>
      <c r="U17" s="47"/>
      <c r="V17" s="47"/>
      <c r="W17" s="47"/>
      <c r="X17" s="47"/>
      <c r="Y17" s="47"/>
      <c r="Z17" s="47"/>
      <c r="AA17" s="47"/>
      <c r="AB17" s="47"/>
      <c r="AC17" s="47"/>
      <c r="AD17" s="47"/>
      <c r="AE17" s="39">
        <v>10</v>
      </c>
      <c r="AF17" s="40"/>
    </row>
    <row r="18" spans="1:32" s="5" customFormat="1" ht="30.75" customHeight="1" x14ac:dyDescent="0.4">
      <c r="A18" s="35" t="s">
        <v>499</v>
      </c>
      <c r="B18" s="35" t="s">
        <v>541</v>
      </c>
      <c r="C18" s="47" t="s">
        <v>622</v>
      </c>
      <c r="D18" s="47" t="s">
        <v>455</v>
      </c>
      <c r="E18" s="47" t="s">
        <v>623</v>
      </c>
      <c r="F18" s="47" t="s">
        <v>624</v>
      </c>
      <c r="G18" s="47" t="s">
        <v>625</v>
      </c>
      <c r="H18" s="47" t="s">
        <v>626</v>
      </c>
      <c r="I18" s="47" t="s">
        <v>627</v>
      </c>
      <c r="J18" s="47" t="s">
        <v>628</v>
      </c>
      <c r="K18" s="49" t="s">
        <v>464</v>
      </c>
      <c r="L18" s="47"/>
      <c r="M18" s="47"/>
      <c r="N18" s="47"/>
      <c r="O18" s="47"/>
      <c r="P18" s="47"/>
      <c r="Q18" s="47"/>
      <c r="R18" s="47" t="s">
        <v>425</v>
      </c>
      <c r="S18" s="37" t="s">
        <v>430</v>
      </c>
      <c r="T18" s="47"/>
      <c r="U18" s="47"/>
      <c r="V18" s="35"/>
      <c r="W18" s="47"/>
      <c r="X18" s="47"/>
      <c r="Y18" s="47"/>
      <c r="Z18" s="47"/>
      <c r="AA18" s="47"/>
      <c r="AB18" s="47"/>
      <c r="AC18" s="47"/>
      <c r="AD18" s="47"/>
      <c r="AE18" s="39">
        <v>15</v>
      </c>
      <c r="AF18" s="40"/>
    </row>
    <row r="19" spans="1:32" s="5" customFormat="1" ht="30.75" customHeight="1" x14ac:dyDescent="0.4">
      <c r="A19" s="35" t="s">
        <v>499</v>
      </c>
      <c r="B19" s="35" t="s">
        <v>541</v>
      </c>
      <c r="C19" s="47" t="s">
        <v>629</v>
      </c>
      <c r="D19" s="47" t="s">
        <v>630</v>
      </c>
      <c r="E19" s="47" t="s">
        <v>631</v>
      </c>
      <c r="F19" s="47" t="s">
        <v>632</v>
      </c>
      <c r="G19" s="47" t="s">
        <v>633</v>
      </c>
      <c r="H19" s="47" t="s">
        <v>634</v>
      </c>
      <c r="I19" s="47" t="s">
        <v>635</v>
      </c>
      <c r="J19" s="47"/>
      <c r="K19" s="49" t="s">
        <v>636</v>
      </c>
      <c r="L19" s="47"/>
      <c r="M19" s="47"/>
      <c r="N19" s="47"/>
      <c r="O19" s="47"/>
      <c r="P19" s="47"/>
      <c r="Q19" s="47"/>
      <c r="R19" s="47" t="s">
        <v>425</v>
      </c>
      <c r="S19" s="37" t="s">
        <v>433</v>
      </c>
      <c r="T19" s="47"/>
      <c r="U19" s="47"/>
      <c r="V19" s="47"/>
      <c r="W19" s="47"/>
      <c r="X19" s="47"/>
      <c r="Y19" s="47" t="s">
        <v>420</v>
      </c>
      <c r="Z19" s="35" t="s">
        <v>637</v>
      </c>
      <c r="AA19" s="47"/>
      <c r="AB19" s="47"/>
      <c r="AC19" s="47"/>
      <c r="AD19" s="47"/>
      <c r="AE19" s="39">
        <v>10</v>
      </c>
      <c r="AF19" s="40"/>
    </row>
    <row r="20" spans="1:32" s="5" customFormat="1" ht="30.75" customHeight="1" x14ac:dyDescent="0.4">
      <c r="A20" s="35" t="s">
        <v>465</v>
      </c>
      <c r="B20" s="35" t="s">
        <v>541</v>
      </c>
      <c r="C20" s="35" t="s">
        <v>638</v>
      </c>
      <c r="D20" s="35" t="s">
        <v>457</v>
      </c>
      <c r="E20" s="35" t="s">
        <v>639</v>
      </c>
      <c r="F20" s="35" t="s">
        <v>640</v>
      </c>
      <c r="G20" s="35" t="s">
        <v>641</v>
      </c>
      <c r="H20" s="35" t="s">
        <v>642</v>
      </c>
      <c r="I20" s="35" t="s">
        <v>643</v>
      </c>
      <c r="J20" s="35"/>
      <c r="K20" s="35" t="s">
        <v>453</v>
      </c>
      <c r="L20" s="35"/>
      <c r="M20" s="35"/>
      <c r="N20" s="35"/>
      <c r="O20" s="35"/>
      <c r="P20" s="35"/>
      <c r="Q20" s="35"/>
      <c r="R20" s="35" t="s">
        <v>425</v>
      </c>
      <c r="S20" s="37" t="s">
        <v>433</v>
      </c>
      <c r="T20" s="35"/>
      <c r="U20" s="35"/>
      <c r="V20" s="35"/>
      <c r="W20" s="35"/>
      <c r="X20" s="35"/>
      <c r="Y20" s="35"/>
      <c r="Z20" s="35"/>
      <c r="AA20" s="35"/>
      <c r="AB20" s="35"/>
      <c r="AC20" s="35" t="s">
        <v>420</v>
      </c>
      <c r="AD20" s="35" t="s">
        <v>644</v>
      </c>
      <c r="AE20" s="39">
        <v>10</v>
      </c>
      <c r="AF20" s="40"/>
    </row>
    <row r="21" spans="1:32" s="5" customFormat="1" ht="30.75" customHeight="1" x14ac:dyDescent="0.4">
      <c r="A21" s="35" t="s">
        <v>465</v>
      </c>
      <c r="B21" s="35" t="s">
        <v>541</v>
      </c>
      <c r="C21" s="35" t="s">
        <v>645</v>
      </c>
      <c r="D21" s="35" t="s">
        <v>646</v>
      </c>
      <c r="E21" s="35" t="s">
        <v>600</v>
      </c>
      <c r="F21" s="35" t="s">
        <v>647</v>
      </c>
      <c r="G21" s="35" t="s">
        <v>648</v>
      </c>
      <c r="H21" s="35" t="s">
        <v>649</v>
      </c>
      <c r="I21" s="35" t="s">
        <v>650</v>
      </c>
      <c r="J21" s="35"/>
      <c r="K21" s="35" t="s">
        <v>441</v>
      </c>
      <c r="L21" s="35"/>
      <c r="M21" s="35"/>
      <c r="N21" s="35"/>
      <c r="O21" s="35"/>
      <c r="P21" s="35"/>
      <c r="Q21" s="35"/>
      <c r="R21" s="35" t="s">
        <v>425</v>
      </c>
      <c r="S21" s="37" t="s">
        <v>460</v>
      </c>
      <c r="T21" s="35"/>
      <c r="U21" s="35"/>
      <c r="V21" s="35"/>
      <c r="W21" s="35"/>
      <c r="X21" s="35"/>
      <c r="Y21" s="35"/>
      <c r="Z21" s="35"/>
      <c r="AA21" s="35"/>
      <c r="AB21" s="35"/>
      <c r="AC21" s="35"/>
      <c r="AD21" s="35"/>
      <c r="AE21" s="39">
        <v>10</v>
      </c>
      <c r="AF21" s="40"/>
    </row>
    <row r="22" spans="1:32" s="5" customFormat="1" ht="30.75" customHeight="1" x14ac:dyDescent="0.4">
      <c r="A22" s="35" t="s">
        <v>465</v>
      </c>
      <c r="B22" s="35" t="s">
        <v>541</v>
      </c>
      <c r="C22" s="35" t="s">
        <v>651</v>
      </c>
      <c r="D22" s="35" t="s">
        <v>652</v>
      </c>
      <c r="E22" s="35" t="s">
        <v>653</v>
      </c>
      <c r="F22" s="35" t="s">
        <v>654</v>
      </c>
      <c r="G22" s="35" t="s">
        <v>655</v>
      </c>
      <c r="H22" s="35" t="s">
        <v>656</v>
      </c>
      <c r="I22" s="35" t="s">
        <v>657</v>
      </c>
      <c r="J22" s="35"/>
      <c r="K22" s="35" t="s">
        <v>658</v>
      </c>
      <c r="L22" s="35"/>
      <c r="M22" s="35"/>
      <c r="N22" s="35"/>
      <c r="O22" s="35"/>
      <c r="P22" s="35"/>
      <c r="Q22" s="35"/>
      <c r="R22" s="35" t="s">
        <v>425</v>
      </c>
      <c r="S22" s="37" t="s">
        <v>460</v>
      </c>
      <c r="T22" s="35"/>
      <c r="U22" s="35"/>
      <c r="V22" s="35"/>
      <c r="W22" s="35"/>
      <c r="X22" s="35"/>
      <c r="Y22" s="35"/>
      <c r="Z22" s="35"/>
      <c r="AA22" s="35"/>
      <c r="AB22" s="35"/>
      <c r="AC22" s="35"/>
      <c r="AD22" s="35"/>
      <c r="AE22" s="39">
        <v>10</v>
      </c>
      <c r="AF22" s="40"/>
    </row>
    <row r="23" spans="1:32" s="5" customFormat="1" ht="30.75" customHeight="1" x14ac:dyDescent="0.4">
      <c r="A23" s="35" t="s">
        <v>465</v>
      </c>
      <c r="B23" s="35" t="s">
        <v>541</v>
      </c>
      <c r="C23" s="35" t="s">
        <v>659</v>
      </c>
      <c r="D23" s="35" t="s">
        <v>660</v>
      </c>
      <c r="E23" s="35" t="s">
        <v>661</v>
      </c>
      <c r="F23" s="35" t="s">
        <v>662</v>
      </c>
      <c r="G23" s="35" t="s">
        <v>663</v>
      </c>
      <c r="H23" s="35" t="s">
        <v>664</v>
      </c>
      <c r="I23" s="35" t="s">
        <v>665</v>
      </c>
      <c r="J23" s="35" t="s">
        <v>666</v>
      </c>
      <c r="K23" s="35" t="s">
        <v>667</v>
      </c>
      <c r="L23" s="35"/>
      <c r="M23" s="35"/>
      <c r="N23" s="35"/>
      <c r="O23" s="35"/>
      <c r="P23" s="35"/>
      <c r="Q23" s="35"/>
      <c r="R23" s="35" t="s">
        <v>386</v>
      </c>
      <c r="S23" s="37" t="s">
        <v>454</v>
      </c>
      <c r="T23" s="35"/>
      <c r="U23" s="35"/>
      <c r="V23" s="35"/>
      <c r="W23" s="35"/>
      <c r="X23" s="35"/>
      <c r="Y23" s="35"/>
      <c r="Z23" s="35"/>
      <c r="AA23" s="35"/>
      <c r="AB23" s="35"/>
      <c r="AC23" s="35"/>
      <c r="AD23" s="35"/>
      <c r="AE23" s="39">
        <v>10</v>
      </c>
      <c r="AF23" s="40"/>
    </row>
    <row r="24" spans="1:32" s="5" customFormat="1" ht="30.75" customHeight="1" x14ac:dyDescent="0.4">
      <c r="A24" s="35" t="s">
        <v>668</v>
      </c>
      <c r="B24" s="35" t="s">
        <v>541</v>
      </c>
      <c r="C24" s="35" t="s">
        <v>669</v>
      </c>
      <c r="D24" s="35" t="s">
        <v>670</v>
      </c>
      <c r="E24" s="35" t="s">
        <v>671</v>
      </c>
      <c r="F24" s="35" t="s">
        <v>672</v>
      </c>
      <c r="G24" s="35" t="s">
        <v>673</v>
      </c>
      <c r="H24" s="35" t="s">
        <v>674</v>
      </c>
      <c r="I24" s="35" t="s">
        <v>675</v>
      </c>
      <c r="J24" s="35" t="s">
        <v>676</v>
      </c>
      <c r="K24" s="35" t="s">
        <v>434</v>
      </c>
      <c r="L24" s="35"/>
      <c r="M24" s="35"/>
      <c r="N24" s="35"/>
      <c r="O24" s="35"/>
      <c r="P24" s="35"/>
      <c r="Q24" s="35"/>
      <c r="R24" s="35" t="s">
        <v>386</v>
      </c>
      <c r="S24" s="37" t="s">
        <v>454</v>
      </c>
      <c r="T24" s="35"/>
      <c r="U24" s="35"/>
      <c r="V24" s="35"/>
      <c r="W24" s="35"/>
      <c r="X24" s="35"/>
      <c r="Y24" s="35"/>
      <c r="Z24" s="35"/>
      <c r="AA24" s="35"/>
      <c r="AB24" s="35"/>
      <c r="AC24" s="35"/>
      <c r="AD24" s="35"/>
      <c r="AE24" s="39">
        <v>10</v>
      </c>
      <c r="AF24" s="40"/>
    </row>
    <row r="25" spans="1:32" s="5" customFormat="1" ht="30.75" customHeight="1" x14ac:dyDescent="0.4">
      <c r="A25" s="35" t="s">
        <v>465</v>
      </c>
      <c r="B25" s="35" t="s">
        <v>541</v>
      </c>
      <c r="C25" s="35" t="s">
        <v>677</v>
      </c>
      <c r="D25" s="35" t="s">
        <v>678</v>
      </c>
      <c r="E25" s="35" t="s">
        <v>679</v>
      </c>
      <c r="F25" s="35" t="s">
        <v>680</v>
      </c>
      <c r="G25" s="35" t="s">
        <v>681</v>
      </c>
      <c r="H25" s="35" t="s">
        <v>682</v>
      </c>
      <c r="I25" s="35" t="s">
        <v>683</v>
      </c>
      <c r="J25" s="35"/>
      <c r="K25" s="35" t="s">
        <v>684</v>
      </c>
      <c r="L25" s="35"/>
      <c r="M25" s="35"/>
      <c r="N25" s="35"/>
      <c r="O25" s="35"/>
      <c r="P25" s="35"/>
      <c r="Q25" s="35"/>
      <c r="R25" s="35" t="s">
        <v>386</v>
      </c>
      <c r="S25" s="37" t="s">
        <v>459</v>
      </c>
      <c r="T25" s="35"/>
      <c r="U25" s="35"/>
      <c r="V25" s="35"/>
      <c r="W25" s="35"/>
      <c r="X25" s="35"/>
      <c r="Y25" s="35"/>
      <c r="Z25" s="35"/>
      <c r="AA25" s="35"/>
      <c r="AB25" s="35"/>
      <c r="AC25" s="35"/>
      <c r="AD25" s="35"/>
      <c r="AE25" s="39">
        <v>10</v>
      </c>
      <c r="AF25" s="40"/>
    </row>
    <row r="26" spans="1:32" s="5" customFormat="1" ht="30.75" customHeight="1" x14ac:dyDescent="0.4">
      <c r="A26" s="35" t="s">
        <v>668</v>
      </c>
      <c r="B26" s="35" t="s">
        <v>541</v>
      </c>
      <c r="C26" s="35" t="s">
        <v>685</v>
      </c>
      <c r="D26" s="35" t="s">
        <v>686</v>
      </c>
      <c r="E26" s="35" t="s">
        <v>687</v>
      </c>
      <c r="F26" s="35" t="s">
        <v>688</v>
      </c>
      <c r="G26" s="35" t="s">
        <v>689</v>
      </c>
      <c r="H26" s="35" t="s">
        <v>690</v>
      </c>
      <c r="I26" s="35" t="s">
        <v>691</v>
      </c>
      <c r="J26" s="35" t="s">
        <v>692</v>
      </c>
      <c r="K26" s="35" t="s">
        <v>445</v>
      </c>
      <c r="L26" s="35"/>
      <c r="M26" s="35"/>
      <c r="N26" s="35"/>
      <c r="O26" s="35"/>
      <c r="P26" s="35"/>
      <c r="Q26" s="35"/>
      <c r="R26" s="35" t="s">
        <v>386</v>
      </c>
      <c r="S26" s="37" t="s">
        <v>693</v>
      </c>
      <c r="T26" s="35"/>
      <c r="U26" s="35"/>
      <c r="V26" s="35"/>
      <c r="W26" s="35"/>
      <c r="X26" s="35"/>
      <c r="Y26" s="35"/>
      <c r="Z26" s="35"/>
      <c r="AA26" s="35"/>
      <c r="AB26" s="35"/>
      <c r="AC26" s="35"/>
      <c r="AD26" s="35"/>
      <c r="AE26" s="39">
        <v>10</v>
      </c>
      <c r="AF26" s="40"/>
    </row>
    <row r="27" spans="1:32" s="5" customFormat="1" ht="30.75" customHeight="1" x14ac:dyDescent="0.4">
      <c r="A27" s="35" t="s">
        <v>465</v>
      </c>
      <c r="B27" s="35" t="s">
        <v>541</v>
      </c>
      <c r="C27" s="35" t="s">
        <v>694</v>
      </c>
      <c r="D27" s="35" t="s">
        <v>695</v>
      </c>
      <c r="E27" s="35" t="s">
        <v>696</v>
      </c>
      <c r="F27" s="35" t="s">
        <v>697</v>
      </c>
      <c r="G27" s="35" t="s">
        <v>698</v>
      </c>
      <c r="H27" s="35" t="s">
        <v>699</v>
      </c>
      <c r="I27" s="35" t="s">
        <v>700</v>
      </c>
      <c r="J27" s="35"/>
      <c r="K27" s="35" t="s">
        <v>432</v>
      </c>
      <c r="L27" s="35"/>
      <c r="M27" s="35"/>
      <c r="N27" s="35"/>
      <c r="O27" s="35"/>
      <c r="P27" s="35"/>
      <c r="Q27" s="35"/>
      <c r="R27" s="35" t="s">
        <v>386</v>
      </c>
      <c r="S27" s="37" t="s">
        <v>459</v>
      </c>
      <c r="T27" s="35"/>
      <c r="U27" s="35"/>
      <c r="V27" s="35"/>
      <c r="W27" s="35"/>
      <c r="X27" s="35"/>
      <c r="Y27" s="35"/>
      <c r="Z27" s="35"/>
      <c r="AA27" s="35"/>
      <c r="AB27" s="35"/>
      <c r="AC27" s="35"/>
      <c r="AD27" s="35"/>
      <c r="AE27" s="39">
        <v>10</v>
      </c>
      <c r="AF27" s="40"/>
    </row>
    <row r="28" spans="1:32" s="5" customFormat="1" ht="30.75" customHeight="1" x14ac:dyDescent="0.4">
      <c r="A28" s="35" t="s">
        <v>465</v>
      </c>
      <c r="B28" s="35" t="s">
        <v>541</v>
      </c>
      <c r="C28" s="35" t="s">
        <v>701</v>
      </c>
      <c r="D28" s="35" t="s">
        <v>702</v>
      </c>
      <c r="E28" s="35" t="s">
        <v>703</v>
      </c>
      <c r="F28" s="35" t="s">
        <v>704</v>
      </c>
      <c r="G28" s="35" t="s">
        <v>705</v>
      </c>
      <c r="H28" s="35" t="s">
        <v>706</v>
      </c>
      <c r="I28" s="35" t="s">
        <v>707</v>
      </c>
      <c r="J28" s="35"/>
      <c r="K28" s="35" t="s">
        <v>708</v>
      </c>
      <c r="L28" s="35" t="s">
        <v>447</v>
      </c>
      <c r="M28" s="35"/>
      <c r="N28" s="35"/>
      <c r="O28" s="35"/>
      <c r="P28" s="35"/>
      <c r="Q28" s="35"/>
      <c r="R28" s="35" t="s">
        <v>386</v>
      </c>
      <c r="S28" s="35" t="s">
        <v>459</v>
      </c>
      <c r="T28" s="35"/>
      <c r="U28" s="35"/>
      <c r="V28" s="35"/>
      <c r="W28" s="35"/>
      <c r="X28" s="35"/>
      <c r="Y28" s="35"/>
      <c r="Z28" s="35"/>
      <c r="AA28" s="35"/>
      <c r="AB28" s="35"/>
      <c r="AC28" s="35" t="s">
        <v>392</v>
      </c>
      <c r="AD28" s="35" t="s">
        <v>709</v>
      </c>
      <c r="AE28" s="39">
        <v>10</v>
      </c>
      <c r="AF28" s="40"/>
    </row>
    <row r="29" spans="1:32" s="5" customFormat="1" ht="30.75" customHeight="1" x14ac:dyDescent="0.4">
      <c r="A29" s="35" t="s">
        <v>465</v>
      </c>
      <c r="B29" s="35" t="s">
        <v>541</v>
      </c>
      <c r="C29" s="35" t="s">
        <v>710</v>
      </c>
      <c r="D29" s="35" t="s">
        <v>711</v>
      </c>
      <c r="E29" s="35" t="s">
        <v>712</v>
      </c>
      <c r="F29" s="35" t="s">
        <v>713</v>
      </c>
      <c r="G29" s="35" t="s">
        <v>714</v>
      </c>
      <c r="H29" s="35" t="s">
        <v>715</v>
      </c>
      <c r="I29" s="35" t="s">
        <v>716</v>
      </c>
      <c r="J29" s="35"/>
      <c r="K29" s="35" t="s">
        <v>717</v>
      </c>
      <c r="L29" s="35" t="s">
        <v>718</v>
      </c>
      <c r="M29" s="35"/>
      <c r="N29" s="35"/>
      <c r="O29" s="35"/>
      <c r="P29" s="35"/>
      <c r="Q29" s="35"/>
      <c r="R29" s="35" t="s">
        <v>386</v>
      </c>
      <c r="S29" s="37" t="s">
        <v>459</v>
      </c>
      <c r="T29" s="35"/>
      <c r="U29" s="35"/>
      <c r="V29" s="35"/>
      <c r="W29" s="35"/>
      <c r="X29" s="35"/>
      <c r="Y29" s="35"/>
      <c r="Z29" s="35"/>
      <c r="AA29" s="35"/>
      <c r="AB29" s="35"/>
      <c r="AC29" s="35"/>
      <c r="AD29" s="35"/>
      <c r="AE29" s="39">
        <v>10</v>
      </c>
      <c r="AF29" s="40"/>
    </row>
    <row r="30" spans="1:32" s="5" customFormat="1" ht="30.75" customHeight="1" x14ac:dyDescent="0.4">
      <c r="A30" s="35" t="s">
        <v>465</v>
      </c>
      <c r="B30" s="35" t="s">
        <v>541</v>
      </c>
      <c r="C30" s="35" t="s">
        <v>719</v>
      </c>
      <c r="D30" s="35" t="s">
        <v>720</v>
      </c>
      <c r="E30" s="35" t="s">
        <v>721</v>
      </c>
      <c r="F30" s="35" t="s">
        <v>722</v>
      </c>
      <c r="G30" s="35" t="s">
        <v>723</v>
      </c>
      <c r="H30" s="35" t="s">
        <v>724</v>
      </c>
      <c r="I30" s="35" t="s">
        <v>725</v>
      </c>
      <c r="J30" s="35"/>
      <c r="K30" s="35" t="s">
        <v>726</v>
      </c>
      <c r="L30" s="35"/>
      <c r="M30" s="35"/>
      <c r="N30" s="35"/>
      <c r="O30" s="35"/>
      <c r="P30" s="35"/>
      <c r="Q30" s="35"/>
      <c r="R30" s="35" t="s">
        <v>386</v>
      </c>
      <c r="S30" s="37" t="s">
        <v>459</v>
      </c>
      <c r="T30" s="35"/>
      <c r="U30" s="35"/>
      <c r="V30" s="35"/>
      <c r="W30" s="35"/>
      <c r="X30" s="35"/>
      <c r="Y30" s="35"/>
      <c r="Z30" s="35"/>
      <c r="AA30" s="35"/>
      <c r="AB30" s="35"/>
      <c r="AC30" s="35"/>
      <c r="AD30" s="35"/>
      <c r="AE30" s="39">
        <v>10</v>
      </c>
      <c r="AF30" s="40"/>
    </row>
    <row r="31" spans="1:32" s="5" customFormat="1" ht="30.75" customHeight="1" x14ac:dyDescent="0.4">
      <c r="A31" s="35" t="s">
        <v>465</v>
      </c>
      <c r="B31" s="35" t="s">
        <v>541</v>
      </c>
      <c r="C31" s="35" t="s">
        <v>727</v>
      </c>
      <c r="D31" s="35" t="s">
        <v>728</v>
      </c>
      <c r="E31" s="35" t="s">
        <v>729</v>
      </c>
      <c r="F31" s="35" t="s">
        <v>730</v>
      </c>
      <c r="G31" s="35" t="s">
        <v>731</v>
      </c>
      <c r="H31" s="35" t="s">
        <v>732</v>
      </c>
      <c r="I31" s="35" t="s">
        <v>733</v>
      </c>
      <c r="J31" s="35" t="s">
        <v>734</v>
      </c>
      <c r="K31" s="35" t="s">
        <v>735</v>
      </c>
      <c r="L31" s="35"/>
      <c r="M31" s="35"/>
      <c r="N31" s="35"/>
      <c r="O31" s="35"/>
      <c r="P31" s="35"/>
      <c r="Q31" s="35"/>
      <c r="R31" s="35" t="s">
        <v>458</v>
      </c>
      <c r="S31" s="37" t="s">
        <v>462</v>
      </c>
      <c r="T31" s="35"/>
      <c r="U31" s="35"/>
      <c r="V31" s="35"/>
      <c r="W31" s="35"/>
      <c r="X31" s="35"/>
      <c r="Y31" s="35"/>
      <c r="Z31" s="35"/>
      <c r="AA31" s="35"/>
      <c r="AB31" s="35"/>
      <c r="AC31" s="35"/>
      <c r="AD31" s="35"/>
      <c r="AE31" s="39">
        <v>10</v>
      </c>
      <c r="AF31" s="40"/>
    </row>
    <row r="32" spans="1:32" s="5" customFormat="1" ht="30.75" customHeight="1" x14ac:dyDescent="0.4">
      <c r="A32" s="35" t="s">
        <v>465</v>
      </c>
      <c r="B32" s="35" t="s">
        <v>736</v>
      </c>
      <c r="C32" s="35" t="s">
        <v>737</v>
      </c>
      <c r="D32" s="35" t="s">
        <v>738</v>
      </c>
      <c r="E32" s="35" t="s">
        <v>739</v>
      </c>
      <c r="F32" s="35" t="s">
        <v>740</v>
      </c>
      <c r="G32" s="35" t="s">
        <v>741</v>
      </c>
      <c r="H32" s="35" t="s">
        <v>742</v>
      </c>
      <c r="I32" s="35" t="s">
        <v>743</v>
      </c>
      <c r="J32" s="35" t="s">
        <v>744</v>
      </c>
      <c r="K32" s="35" t="s">
        <v>745</v>
      </c>
      <c r="L32" s="35" t="s">
        <v>746</v>
      </c>
      <c r="M32" s="35"/>
      <c r="N32" s="35" t="s">
        <v>420</v>
      </c>
      <c r="O32" s="35" t="s">
        <v>420</v>
      </c>
      <c r="P32" s="35"/>
      <c r="Q32" s="35"/>
      <c r="R32" s="35" t="s">
        <v>424</v>
      </c>
      <c r="S32" s="37" t="s">
        <v>438</v>
      </c>
      <c r="T32" s="35" t="s">
        <v>456</v>
      </c>
      <c r="U32" s="35"/>
      <c r="V32" s="35"/>
      <c r="W32" s="35"/>
      <c r="X32" s="35"/>
      <c r="Y32" s="35"/>
      <c r="Z32" s="35"/>
      <c r="AA32" s="35"/>
      <c r="AB32" s="35"/>
      <c r="AC32" s="35" t="s">
        <v>451</v>
      </c>
      <c r="AD32" s="35" t="s">
        <v>747</v>
      </c>
      <c r="AE32" s="39">
        <v>15</v>
      </c>
      <c r="AF32" s="40"/>
    </row>
    <row r="33" spans="1:88" s="5" customFormat="1" ht="30.75" customHeight="1" x14ac:dyDescent="0.4">
      <c r="A33" s="35" t="s">
        <v>32</v>
      </c>
      <c r="B33" s="35" t="s">
        <v>219</v>
      </c>
      <c r="C33" s="35" t="s">
        <v>748</v>
      </c>
      <c r="D33" s="35" t="s">
        <v>749</v>
      </c>
      <c r="E33" s="35"/>
      <c r="F33" s="35" t="s">
        <v>750</v>
      </c>
      <c r="G33" s="35" t="s">
        <v>751</v>
      </c>
      <c r="H33" s="35" t="s">
        <v>752</v>
      </c>
      <c r="I33" s="35" t="s">
        <v>921</v>
      </c>
      <c r="J33" s="35" t="s">
        <v>753</v>
      </c>
      <c r="K33" s="42" t="s">
        <v>754</v>
      </c>
      <c r="L33" s="35" t="s">
        <v>440</v>
      </c>
      <c r="M33" s="35"/>
      <c r="N33" s="35" t="s">
        <v>420</v>
      </c>
      <c r="O33" s="35"/>
      <c r="P33" s="35"/>
      <c r="Q33" s="35"/>
      <c r="R33" s="35" t="s">
        <v>389</v>
      </c>
      <c r="S33" s="37" t="s">
        <v>384</v>
      </c>
      <c r="T33" s="35" t="s">
        <v>388</v>
      </c>
      <c r="U33" s="35"/>
      <c r="V33" s="35"/>
      <c r="W33" s="35"/>
      <c r="X33" s="35"/>
      <c r="Y33" s="35"/>
      <c r="Z33" s="35"/>
      <c r="AA33" s="35"/>
      <c r="AB33" s="35"/>
      <c r="AC33" s="35" t="s">
        <v>420</v>
      </c>
      <c r="AD33" s="35" t="s">
        <v>755</v>
      </c>
      <c r="AE33" s="39">
        <v>10</v>
      </c>
      <c r="AF33" s="40"/>
    </row>
    <row r="34" spans="1:88" s="5" customFormat="1" ht="30.75" customHeight="1" x14ac:dyDescent="0.4">
      <c r="A34" s="35" t="s">
        <v>668</v>
      </c>
      <c r="B34" s="35" t="s">
        <v>736</v>
      </c>
      <c r="C34" s="35" t="s">
        <v>756</v>
      </c>
      <c r="D34" s="35" t="s">
        <v>757</v>
      </c>
      <c r="E34" s="35" t="s">
        <v>758</v>
      </c>
      <c r="F34" s="35" t="s">
        <v>759</v>
      </c>
      <c r="G34" s="35" t="s">
        <v>760</v>
      </c>
      <c r="H34" s="35" t="s">
        <v>761</v>
      </c>
      <c r="I34" s="35" t="s">
        <v>762</v>
      </c>
      <c r="J34" s="35"/>
      <c r="K34" s="35" t="s">
        <v>763</v>
      </c>
      <c r="L34" s="35"/>
      <c r="M34" s="35"/>
      <c r="N34" s="35"/>
      <c r="O34" s="35"/>
      <c r="P34" s="35"/>
      <c r="Q34" s="35"/>
      <c r="R34" s="35" t="s">
        <v>425</v>
      </c>
      <c r="S34" s="37" t="s">
        <v>461</v>
      </c>
      <c r="T34" s="35"/>
      <c r="U34" s="35"/>
      <c r="V34" s="35"/>
      <c r="W34" s="35"/>
      <c r="X34" s="35"/>
      <c r="Y34" s="35"/>
      <c r="Z34" s="35"/>
      <c r="AA34" s="35"/>
      <c r="AB34" s="35"/>
      <c r="AC34" s="35"/>
      <c r="AD34" s="35"/>
      <c r="AE34" s="39">
        <v>10</v>
      </c>
      <c r="AF34" s="40"/>
    </row>
    <row r="35" spans="1:88" s="5" customFormat="1" ht="30.75" customHeight="1" x14ac:dyDescent="0.4">
      <c r="A35" s="35" t="s">
        <v>465</v>
      </c>
      <c r="B35" s="35" t="s">
        <v>736</v>
      </c>
      <c r="C35" s="35" t="s">
        <v>764</v>
      </c>
      <c r="D35" s="35" t="s">
        <v>765</v>
      </c>
      <c r="E35" s="35" t="s">
        <v>766</v>
      </c>
      <c r="F35" s="35" t="s">
        <v>767</v>
      </c>
      <c r="G35" s="35" t="s">
        <v>768</v>
      </c>
      <c r="H35" s="35" t="s">
        <v>769</v>
      </c>
      <c r="I35" s="35" t="s">
        <v>770</v>
      </c>
      <c r="J35" s="35"/>
      <c r="K35" s="35" t="s">
        <v>771</v>
      </c>
      <c r="L35" s="35"/>
      <c r="M35" s="35"/>
      <c r="N35" s="35"/>
      <c r="O35" s="35"/>
      <c r="P35" s="35"/>
      <c r="Q35" s="35"/>
      <c r="R35" s="35" t="s">
        <v>425</v>
      </c>
      <c r="S35" s="35" t="s">
        <v>460</v>
      </c>
      <c r="T35" s="35"/>
      <c r="U35" s="35"/>
      <c r="V35" s="35"/>
      <c r="W35" s="35"/>
      <c r="X35" s="35"/>
      <c r="Y35" s="35"/>
      <c r="Z35" s="35"/>
      <c r="AA35" s="35"/>
      <c r="AB35" s="35"/>
      <c r="AC35" s="35"/>
      <c r="AD35" s="35"/>
      <c r="AE35" s="39">
        <v>15</v>
      </c>
      <c r="AF35" s="40"/>
    </row>
    <row r="36" spans="1:88" s="5" customFormat="1" ht="30.75" customHeight="1" x14ac:dyDescent="0.4">
      <c r="A36" s="35" t="s">
        <v>465</v>
      </c>
      <c r="B36" s="35" t="s">
        <v>736</v>
      </c>
      <c r="C36" s="35" t="s">
        <v>772</v>
      </c>
      <c r="D36" s="35" t="s">
        <v>773</v>
      </c>
      <c r="E36" s="35" t="s">
        <v>774</v>
      </c>
      <c r="F36" s="35" t="s">
        <v>775</v>
      </c>
      <c r="G36" s="35" t="s">
        <v>776</v>
      </c>
      <c r="H36" s="35" t="s">
        <v>777</v>
      </c>
      <c r="I36" s="42" t="s">
        <v>778</v>
      </c>
      <c r="J36" s="35" t="s">
        <v>779</v>
      </c>
      <c r="K36" s="35" t="s">
        <v>780</v>
      </c>
      <c r="L36" s="35"/>
      <c r="M36" s="35"/>
      <c r="N36" s="35"/>
      <c r="O36" s="35"/>
      <c r="P36" s="35"/>
      <c r="Q36" s="35"/>
      <c r="R36" s="35" t="s">
        <v>425</v>
      </c>
      <c r="S36" s="35" t="s">
        <v>461</v>
      </c>
      <c r="T36" s="35"/>
      <c r="U36" s="35"/>
      <c r="V36" s="35"/>
      <c r="W36" s="35"/>
      <c r="X36" s="35"/>
      <c r="Y36" s="35"/>
      <c r="Z36" s="35"/>
      <c r="AA36" s="35"/>
      <c r="AB36" s="35"/>
      <c r="AC36" s="35" t="s">
        <v>420</v>
      </c>
      <c r="AD36" s="35" t="s">
        <v>781</v>
      </c>
      <c r="AE36" s="39">
        <v>10</v>
      </c>
      <c r="AF36" s="40"/>
    </row>
    <row r="37" spans="1:88" s="5" customFormat="1" ht="30.75" customHeight="1" x14ac:dyDescent="0.4">
      <c r="A37" s="35" t="s">
        <v>465</v>
      </c>
      <c r="B37" s="35" t="s">
        <v>736</v>
      </c>
      <c r="C37" s="35" t="s">
        <v>782</v>
      </c>
      <c r="D37" s="35" t="s">
        <v>783</v>
      </c>
      <c r="E37" s="35" t="s">
        <v>784</v>
      </c>
      <c r="F37" s="35" t="s">
        <v>785</v>
      </c>
      <c r="G37" s="35" t="s">
        <v>786</v>
      </c>
      <c r="H37" s="35" t="s">
        <v>787</v>
      </c>
      <c r="I37" s="35" t="s">
        <v>788</v>
      </c>
      <c r="J37" s="35"/>
      <c r="K37" s="35" t="s">
        <v>789</v>
      </c>
      <c r="L37" s="35"/>
      <c r="M37" s="35"/>
      <c r="N37" s="35"/>
      <c r="O37" s="35"/>
      <c r="P37" s="35"/>
      <c r="Q37" s="35"/>
      <c r="R37" s="35" t="s">
        <v>425</v>
      </c>
      <c r="S37" s="37" t="s">
        <v>459</v>
      </c>
      <c r="T37" s="35"/>
      <c r="U37" s="35"/>
      <c r="V37" s="35"/>
      <c r="W37" s="35"/>
      <c r="X37" s="35"/>
      <c r="Y37" s="35"/>
      <c r="Z37" s="35"/>
      <c r="AA37" s="35"/>
      <c r="AB37" s="35"/>
      <c r="AC37" s="35"/>
      <c r="AD37" s="35"/>
      <c r="AE37" s="39">
        <v>15</v>
      </c>
      <c r="AF37" s="40"/>
    </row>
    <row r="38" spans="1:88" s="5" customFormat="1" ht="30.75" customHeight="1" x14ac:dyDescent="0.4">
      <c r="A38" s="35" t="s">
        <v>32</v>
      </c>
      <c r="B38" s="35" t="s">
        <v>219</v>
      </c>
      <c r="C38" s="35" t="s">
        <v>790</v>
      </c>
      <c r="D38" s="35" t="s">
        <v>791</v>
      </c>
      <c r="E38" s="35" t="s">
        <v>792</v>
      </c>
      <c r="F38" s="35" t="s">
        <v>793</v>
      </c>
      <c r="G38" s="35" t="s">
        <v>794</v>
      </c>
      <c r="H38" s="35" t="s">
        <v>795</v>
      </c>
      <c r="I38" s="35" t="s">
        <v>796</v>
      </c>
      <c r="J38" s="35"/>
      <c r="K38" s="35" t="s">
        <v>797</v>
      </c>
      <c r="L38" s="35"/>
      <c r="M38" s="35"/>
      <c r="N38" s="35"/>
      <c r="O38" s="35"/>
      <c r="P38" s="35"/>
      <c r="Q38" s="35"/>
      <c r="R38" s="35" t="s">
        <v>425</v>
      </c>
      <c r="S38" s="37" t="s">
        <v>435</v>
      </c>
      <c r="T38" s="35"/>
      <c r="U38" s="35"/>
      <c r="V38" s="35"/>
      <c r="W38" s="35"/>
      <c r="X38" s="35"/>
      <c r="Y38" s="35"/>
      <c r="Z38" s="35"/>
      <c r="AA38" s="35"/>
      <c r="AB38" s="35"/>
      <c r="AC38" s="35" t="s">
        <v>420</v>
      </c>
      <c r="AD38" s="35" t="s">
        <v>798</v>
      </c>
      <c r="AE38" s="39">
        <v>10</v>
      </c>
      <c r="AF38" s="40"/>
    </row>
    <row r="39" spans="1:88" s="38" customFormat="1" ht="30.75" customHeight="1" x14ac:dyDescent="0.4">
      <c r="A39" s="35" t="s">
        <v>465</v>
      </c>
      <c r="B39" s="35" t="s">
        <v>256</v>
      </c>
      <c r="C39" s="35" t="s">
        <v>799</v>
      </c>
      <c r="D39" s="35" t="s">
        <v>800</v>
      </c>
      <c r="E39" s="35" t="s">
        <v>801</v>
      </c>
      <c r="F39" s="35" t="s">
        <v>802</v>
      </c>
      <c r="G39" s="35" t="s">
        <v>803</v>
      </c>
      <c r="H39" s="35" t="s">
        <v>804</v>
      </c>
      <c r="I39" s="35" t="s">
        <v>439</v>
      </c>
      <c r="J39" s="35" t="s">
        <v>805</v>
      </c>
      <c r="K39" s="35" t="s">
        <v>806</v>
      </c>
      <c r="L39" s="35" t="s">
        <v>428</v>
      </c>
      <c r="M39" s="35"/>
      <c r="N39" s="35" t="s">
        <v>392</v>
      </c>
      <c r="O39" s="35"/>
      <c r="P39" s="35"/>
      <c r="Q39" s="35"/>
      <c r="R39" s="35" t="s">
        <v>425</v>
      </c>
      <c r="S39" s="37" t="s">
        <v>438</v>
      </c>
      <c r="T39" s="35"/>
      <c r="U39" s="35"/>
      <c r="V39" s="35"/>
      <c r="W39" s="35"/>
      <c r="X39" s="35"/>
      <c r="Y39" s="35"/>
      <c r="Z39" s="35"/>
      <c r="AA39" s="35"/>
      <c r="AB39" s="35"/>
      <c r="AC39" s="35"/>
      <c r="AD39" s="35"/>
      <c r="AE39" s="39"/>
      <c r="AF39" s="40"/>
      <c r="AG39" s="5"/>
      <c r="AH39" s="5"/>
      <c r="AI39" s="5"/>
      <c r="AJ39" s="5"/>
      <c r="AK39" s="5"/>
      <c r="AL39" s="5"/>
      <c r="AM39" s="5"/>
      <c r="AN39" s="5"/>
      <c r="AO39" s="5"/>
      <c r="AP39" s="5"/>
      <c r="AQ39" s="5"/>
      <c r="AR39" s="5"/>
      <c r="AS39" s="5"/>
      <c r="AT39" s="5"/>
      <c r="AU39" s="5"/>
      <c r="AV39" s="5"/>
      <c r="AW39" s="5"/>
      <c r="AX39" s="5"/>
      <c r="AY39" s="5"/>
      <c r="AZ39" s="5"/>
      <c r="BA39" s="5"/>
      <c r="BB39" s="5"/>
      <c r="BC39" s="5"/>
      <c r="BD39" s="5"/>
      <c r="BE39" s="5"/>
      <c r="BF39" s="5"/>
      <c r="BG39" s="5"/>
      <c r="BH39" s="5"/>
      <c r="BI39" s="5"/>
      <c r="BJ39" s="5"/>
      <c r="BK39" s="5"/>
      <c r="BL39" s="5"/>
      <c r="BM39" s="5"/>
      <c r="BN39" s="5"/>
      <c r="BO39" s="5"/>
      <c r="BP39" s="5"/>
      <c r="BQ39" s="5"/>
      <c r="BR39" s="5"/>
      <c r="BS39" s="5"/>
      <c r="BT39" s="5"/>
      <c r="BU39" s="5"/>
      <c r="BV39" s="5"/>
      <c r="BW39" s="5"/>
      <c r="BX39" s="5"/>
      <c r="BY39" s="5"/>
      <c r="BZ39" s="5"/>
      <c r="CA39" s="5"/>
      <c r="CB39" s="5"/>
      <c r="CC39" s="5"/>
      <c r="CD39" s="5"/>
      <c r="CE39" s="5"/>
      <c r="CF39" s="5"/>
      <c r="CG39" s="5"/>
      <c r="CH39" s="5"/>
      <c r="CI39" s="5"/>
      <c r="CJ39" s="5"/>
    </row>
    <row r="40" spans="1:88" s="5" customFormat="1" ht="30.75" customHeight="1" x14ac:dyDescent="0.4">
      <c r="A40" s="35" t="s">
        <v>465</v>
      </c>
      <c r="B40" s="35" t="s">
        <v>256</v>
      </c>
      <c r="C40" s="35" t="s">
        <v>807</v>
      </c>
      <c r="D40" s="35" t="s">
        <v>808</v>
      </c>
      <c r="E40" s="35" t="s">
        <v>809</v>
      </c>
      <c r="F40" s="35" t="s">
        <v>810</v>
      </c>
      <c r="G40" s="35" t="s">
        <v>811</v>
      </c>
      <c r="H40" s="35" t="s">
        <v>812</v>
      </c>
      <c r="I40" s="35" t="s">
        <v>813</v>
      </c>
      <c r="J40" s="35" t="s">
        <v>814</v>
      </c>
      <c r="K40" s="35" t="s">
        <v>815</v>
      </c>
      <c r="L40" s="35" t="s">
        <v>423</v>
      </c>
      <c r="M40" s="35"/>
      <c r="N40" s="35" t="s">
        <v>420</v>
      </c>
      <c r="O40" s="35" t="s">
        <v>420</v>
      </c>
      <c r="P40" s="35"/>
      <c r="Q40" s="35"/>
      <c r="R40" s="35" t="s">
        <v>389</v>
      </c>
      <c r="S40" s="35" t="s">
        <v>436</v>
      </c>
      <c r="T40" s="35" t="s">
        <v>476</v>
      </c>
      <c r="U40" s="35"/>
      <c r="V40" s="35"/>
      <c r="W40" s="35"/>
      <c r="X40" s="35"/>
      <c r="Y40" s="35"/>
      <c r="Z40" s="35"/>
      <c r="AA40" s="35"/>
      <c r="AB40" s="35"/>
      <c r="AC40" s="35" t="s">
        <v>420</v>
      </c>
      <c r="AD40" s="35" t="s">
        <v>816</v>
      </c>
      <c r="AE40" s="39">
        <v>10</v>
      </c>
      <c r="AF40" s="40"/>
    </row>
    <row r="41" spans="1:88" s="5" customFormat="1" ht="30.75" customHeight="1" x14ac:dyDescent="0.4">
      <c r="A41" s="35" t="s">
        <v>499</v>
      </c>
      <c r="B41" s="35" t="s">
        <v>256</v>
      </c>
      <c r="C41" s="47" t="s">
        <v>817</v>
      </c>
      <c r="D41" s="47" t="s">
        <v>818</v>
      </c>
      <c r="E41" s="47" t="s">
        <v>819</v>
      </c>
      <c r="F41" s="47" t="s">
        <v>820</v>
      </c>
      <c r="G41" s="47" t="s">
        <v>821</v>
      </c>
      <c r="H41" s="47" t="s">
        <v>822</v>
      </c>
      <c r="I41" s="47" t="s">
        <v>439</v>
      </c>
      <c r="J41" s="47" t="s">
        <v>823</v>
      </c>
      <c r="K41" s="49" t="s">
        <v>824</v>
      </c>
      <c r="L41" s="47"/>
      <c r="M41" s="47"/>
      <c r="N41" s="35" t="s">
        <v>392</v>
      </c>
      <c r="O41" s="47" t="s">
        <v>420</v>
      </c>
      <c r="P41" s="47"/>
      <c r="Q41" s="47"/>
      <c r="R41" s="47" t="s">
        <v>424</v>
      </c>
      <c r="S41" s="37" t="s">
        <v>427</v>
      </c>
      <c r="T41" s="47" t="s">
        <v>442</v>
      </c>
      <c r="U41" s="35"/>
      <c r="V41" s="47"/>
      <c r="W41" s="47"/>
      <c r="X41" s="47"/>
      <c r="Y41" s="47"/>
      <c r="Z41" s="47"/>
      <c r="AA41" s="47" t="s">
        <v>420</v>
      </c>
      <c r="AB41" s="48" t="s">
        <v>825</v>
      </c>
      <c r="AC41" s="47"/>
      <c r="AD41" s="35"/>
      <c r="AE41" s="39">
        <v>10</v>
      </c>
      <c r="AF41" s="40"/>
    </row>
    <row r="42" spans="1:88" s="5" customFormat="1" ht="30.75" customHeight="1" x14ac:dyDescent="0.4">
      <c r="A42" s="35" t="s">
        <v>668</v>
      </c>
      <c r="B42" s="35" t="s">
        <v>256</v>
      </c>
      <c r="C42" s="35" t="s">
        <v>826</v>
      </c>
      <c r="D42" s="35" t="s">
        <v>827</v>
      </c>
      <c r="E42" s="35" t="s">
        <v>828</v>
      </c>
      <c r="F42" s="35" t="s">
        <v>829</v>
      </c>
      <c r="G42" s="35" t="s">
        <v>830</v>
      </c>
      <c r="H42" s="35" t="s">
        <v>831</v>
      </c>
      <c r="I42" s="35" t="s">
        <v>832</v>
      </c>
      <c r="J42" s="35"/>
      <c r="K42" s="35" t="s">
        <v>833</v>
      </c>
      <c r="L42" s="35"/>
      <c r="M42" s="35"/>
      <c r="N42" s="35"/>
      <c r="O42" s="35"/>
      <c r="P42" s="35"/>
      <c r="Q42" s="35"/>
      <c r="R42" s="35" t="s">
        <v>425</v>
      </c>
      <c r="S42" s="37" t="s">
        <v>454</v>
      </c>
      <c r="T42" s="35"/>
      <c r="U42" s="35"/>
      <c r="V42" s="35"/>
      <c r="W42" s="35"/>
      <c r="X42" s="35"/>
      <c r="Y42" s="35"/>
      <c r="Z42" s="35"/>
      <c r="AA42" s="35"/>
      <c r="AB42" s="35"/>
      <c r="AC42" s="35"/>
      <c r="AD42" s="35"/>
      <c r="AE42" s="39">
        <v>10</v>
      </c>
      <c r="AF42" s="40"/>
    </row>
    <row r="43" spans="1:88" s="5" customFormat="1" ht="30.75" customHeight="1" x14ac:dyDescent="0.4">
      <c r="A43" s="35" t="s">
        <v>465</v>
      </c>
      <c r="B43" s="35" t="s">
        <v>256</v>
      </c>
      <c r="C43" s="35" t="s">
        <v>834</v>
      </c>
      <c r="D43" s="35" t="s">
        <v>835</v>
      </c>
      <c r="E43" s="35" t="s">
        <v>836</v>
      </c>
      <c r="F43" s="35" t="s">
        <v>837</v>
      </c>
      <c r="G43" s="35" t="s">
        <v>838</v>
      </c>
      <c r="H43" s="35" t="s">
        <v>839</v>
      </c>
      <c r="I43" s="35" t="s">
        <v>840</v>
      </c>
      <c r="J43" s="50"/>
      <c r="K43" s="35" t="s">
        <v>841</v>
      </c>
      <c r="L43" s="50"/>
      <c r="M43" s="50"/>
      <c r="N43" s="50"/>
      <c r="O43" s="50"/>
      <c r="P43" s="50"/>
      <c r="Q43" s="50"/>
      <c r="R43" s="35" t="s">
        <v>425</v>
      </c>
      <c r="S43" s="37" t="s">
        <v>462</v>
      </c>
      <c r="T43" s="50"/>
      <c r="U43" s="50"/>
      <c r="V43" s="50"/>
      <c r="W43" s="50"/>
      <c r="X43" s="50"/>
      <c r="Y43" s="50"/>
      <c r="Z43" s="50"/>
      <c r="AA43" s="50"/>
      <c r="AB43" s="50"/>
      <c r="AC43" s="50"/>
      <c r="AD43" s="50"/>
      <c r="AE43" s="39">
        <v>10</v>
      </c>
      <c r="AF43" s="40"/>
    </row>
    <row r="44" spans="1:88" s="5" customFormat="1" ht="62.25" customHeight="1" x14ac:dyDescent="0.4">
      <c r="A44" s="35" t="s">
        <v>465</v>
      </c>
      <c r="B44" s="35" t="s">
        <v>256</v>
      </c>
      <c r="C44" s="35" t="s">
        <v>904</v>
      </c>
      <c r="D44" s="42" t="s">
        <v>905</v>
      </c>
      <c r="E44" s="38" t="s">
        <v>906</v>
      </c>
      <c r="F44" s="35" t="s">
        <v>907</v>
      </c>
      <c r="G44" s="35" t="s">
        <v>908</v>
      </c>
      <c r="H44" s="35" t="s">
        <v>909</v>
      </c>
      <c r="I44" s="35" t="s">
        <v>910</v>
      </c>
      <c r="J44" s="34" t="s">
        <v>911</v>
      </c>
      <c r="K44" s="42" t="s">
        <v>920</v>
      </c>
      <c r="L44" s="45"/>
      <c r="M44" s="45"/>
      <c r="N44" s="45"/>
      <c r="O44" s="45"/>
      <c r="P44" s="45"/>
      <c r="Q44" s="45"/>
      <c r="R44" s="35" t="s">
        <v>389</v>
      </c>
      <c r="S44" s="37" t="s">
        <v>429</v>
      </c>
      <c r="T44" s="45" t="s">
        <v>476</v>
      </c>
      <c r="U44" s="45"/>
      <c r="V44" s="45"/>
      <c r="W44" s="45"/>
      <c r="X44" s="45"/>
      <c r="Y44" s="45"/>
      <c r="Z44" s="45"/>
      <c r="AA44" s="45"/>
      <c r="AB44" s="45"/>
      <c r="AC44" s="45"/>
      <c r="AD44" s="45"/>
      <c r="AE44" s="39">
        <v>10</v>
      </c>
      <c r="AF44" s="40"/>
    </row>
    <row r="45" spans="1:88" s="6" customFormat="1" ht="30.75" customHeight="1" x14ac:dyDescent="0.4">
      <c r="A45" s="35" t="s">
        <v>668</v>
      </c>
      <c r="B45" s="35" t="s">
        <v>290</v>
      </c>
      <c r="C45" s="35" t="s">
        <v>842</v>
      </c>
      <c r="D45" s="35" t="s">
        <v>843</v>
      </c>
      <c r="E45" s="35" t="s">
        <v>844</v>
      </c>
      <c r="F45" s="35" t="s">
        <v>845</v>
      </c>
      <c r="G45" s="35" t="s">
        <v>846</v>
      </c>
      <c r="H45" s="35" t="s">
        <v>847</v>
      </c>
      <c r="I45" s="35" t="s">
        <v>848</v>
      </c>
      <c r="J45" s="35" t="s">
        <v>849</v>
      </c>
      <c r="K45" s="35" t="s">
        <v>850</v>
      </c>
      <c r="L45" s="35" t="s">
        <v>423</v>
      </c>
      <c r="M45" s="35"/>
      <c r="N45" s="35" t="s">
        <v>420</v>
      </c>
      <c r="O45" s="35" t="s">
        <v>420</v>
      </c>
      <c r="P45" s="35"/>
      <c r="Q45" s="35"/>
      <c r="R45" s="35" t="s">
        <v>389</v>
      </c>
      <c r="S45" s="37" t="s">
        <v>384</v>
      </c>
      <c r="T45" s="35" t="s">
        <v>431</v>
      </c>
      <c r="U45" s="35"/>
      <c r="V45" s="35"/>
      <c r="W45" s="35"/>
      <c r="X45" s="35"/>
      <c r="Y45" s="35"/>
      <c r="Z45" s="35"/>
      <c r="AA45" s="35"/>
      <c r="AB45" s="35"/>
      <c r="AC45" s="35" t="s">
        <v>420</v>
      </c>
      <c r="AD45" s="35" t="s">
        <v>851</v>
      </c>
      <c r="AE45" s="39">
        <v>15</v>
      </c>
      <c r="AF45" s="40"/>
    </row>
    <row r="46" spans="1:88" s="6" customFormat="1" ht="30.75" customHeight="1" x14ac:dyDescent="0.4">
      <c r="A46" s="35" t="s">
        <v>465</v>
      </c>
      <c r="B46" s="35" t="s">
        <v>290</v>
      </c>
      <c r="C46" s="35" t="s">
        <v>852</v>
      </c>
      <c r="D46" s="35" t="s">
        <v>853</v>
      </c>
      <c r="E46" s="35" t="s">
        <v>854</v>
      </c>
      <c r="F46" s="35" t="s">
        <v>855</v>
      </c>
      <c r="G46" s="35" t="s">
        <v>856</v>
      </c>
      <c r="H46" s="35" t="s">
        <v>857</v>
      </c>
      <c r="I46" s="35" t="s">
        <v>858</v>
      </c>
      <c r="J46" s="35" t="s">
        <v>859</v>
      </c>
      <c r="K46" s="35" t="s">
        <v>860</v>
      </c>
      <c r="L46" s="35"/>
      <c r="M46" s="35"/>
      <c r="N46" s="35"/>
      <c r="O46" s="35"/>
      <c r="P46" s="35"/>
      <c r="Q46" s="35"/>
      <c r="R46" s="35" t="s">
        <v>386</v>
      </c>
      <c r="S46" s="35" t="s">
        <v>459</v>
      </c>
      <c r="T46" s="35"/>
      <c r="U46" s="35"/>
      <c r="V46" s="35"/>
      <c r="W46" s="35"/>
      <c r="X46" s="35"/>
      <c r="Y46" s="35"/>
      <c r="Z46" s="35"/>
      <c r="AA46" s="35"/>
      <c r="AB46" s="35"/>
      <c r="AC46" s="35" t="s">
        <v>420</v>
      </c>
      <c r="AD46" s="42" t="s">
        <v>861</v>
      </c>
      <c r="AE46" s="39">
        <v>10</v>
      </c>
      <c r="AF46" s="40"/>
    </row>
    <row r="47" spans="1:88" s="6" customFormat="1" ht="30.75" customHeight="1" x14ac:dyDescent="0.4">
      <c r="A47" s="35" t="s">
        <v>465</v>
      </c>
      <c r="B47" s="35" t="s">
        <v>290</v>
      </c>
      <c r="C47" s="35" t="s">
        <v>862</v>
      </c>
      <c r="D47" s="35" t="s">
        <v>863</v>
      </c>
      <c r="E47" s="35" t="s">
        <v>864</v>
      </c>
      <c r="F47" s="35" t="s">
        <v>865</v>
      </c>
      <c r="G47" s="35" t="s">
        <v>866</v>
      </c>
      <c r="H47" s="35" t="s">
        <v>867</v>
      </c>
      <c r="I47" s="42" t="s">
        <v>868</v>
      </c>
      <c r="J47" s="35" t="s">
        <v>869</v>
      </c>
      <c r="K47" s="35" t="s">
        <v>870</v>
      </c>
      <c r="L47" s="35"/>
      <c r="M47" s="35"/>
      <c r="N47" s="35"/>
      <c r="O47" s="35"/>
      <c r="P47" s="35"/>
      <c r="Q47" s="35"/>
      <c r="R47" s="37" t="s">
        <v>425</v>
      </c>
      <c r="S47" s="35" t="s">
        <v>459</v>
      </c>
      <c r="T47" s="35"/>
      <c r="U47" s="35" t="s">
        <v>451</v>
      </c>
      <c r="V47" s="42" t="s">
        <v>871</v>
      </c>
      <c r="W47" s="35"/>
      <c r="X47" s="35"/>
      <c r="Y47" s="35"/>
      <c r="Z47" s="35"/>
      <c r="AA47" s="35"/>
      <c r="AB47" s="35"/>
      <c r="AC47" s="35" t="s">
        <v>420</v>
      </c>
      <c r="AD47" s="35" t="s">
        <v>872</v>
      </c>
      <c r="AE47" s="39">
        <v>10</v>
      </c>
      <c r="AF47" s="40"/>
    </row>
    <row r="48" spans="1:88" s="6" customFormat="1" ht="30.75" customHeight="1" x14ac:dyDescent="0.4">
      <c r="A48" s="35" t="s">
        <v>499</v>
      </c>
      <c r="B48" s="35" t="s">
        <v>290</v>
      </c>
      <c r="C48" s="47" t="s">
        <v>873</v>
      </c>
      <c r="D48" s="47" t="s">
        <v>874</v>
      </c>
      <c r="E48" s="47" t="s">
        <v>875</v>
      </c>
      <c r="F48" s="47" t="s">
        <v>876</v>
      </c>
      <c r="G48" s="47" t="s">
        <v>877</v>
      </c>
      <c r="H48" s="47" t="s">
        <v>878</v>
      </c>
      <c r="I48" s="47" t="s">
        <v>879</v>
      </c>
      <c r="J48" s="47"/>
      <c r="K48" s="49" t="s">
        <v>880</v>
      </c>
      <c r="L48" s="47"/>
      <c r="M48" s="47"/>
      <c r="N48" s="35"/>
      <c r="O48" s="47"/>
      <c r="P48" s="47"/>
      <c r="Q48" s="47"/>
      <c r="R48" s="47" t="s">
        <v>386</v>
      </c>
      <c r="S48" s="37" t="s">
        <v>462</v>
      </c>
      <c r="T48" s="47"/>
      <c r="U48" s="35"/>
      <c r="V48" s="47"/>
      <c r="W48" s="47"/>
      <c r="X48" s="47"/>
      <c r="Y48" s="47"/>
      <c r="Z48" s="47"/>
      <c r="AA48" s="47"/>
      <c r="AB48" s="47"/>
      <c r="AC48" s="47" t="s">
        <v>420</v>
      </c>
      <c r="AD48" s="35" t="s">
        <v>881</v>
      </c>
      <c r="AE48" s="39">
        <v>10</v>
      </c>
      <c r="AF48" s="40"/>
    </row>
    <row r="49" spans="1:32" s="9" customFormat="1" ht="31.5" customHeight="1" x14ac:dyDescent="0.4">
      <c r="A49" s="35" t="s">
        <v>668</v>
      </c>
      <c r="B49" s="35" t="s">
        <v>317</v>
      </c>
      <c r="C49" s="35" t="s">
        <v>882</v>
      </c>
      <c r="D49" s="35" t="s">
        <v>883</v>
      </c>
      <c r="E49" s="35" t="s">
        <v>884</v>
      </c>
      <c r="F49" s="35" t="s">
        <v>885</v>
      </c>
      <c r="G49" s="35" t="s">
        <v>886</v>
      </c>
      <c r="H49" s="35" t="s">
        <v>887</v>
      </c>
      <c r="I49" s="35" t="s">
        <v>888</v>
      </c>
      <c r="J49" s="35" t="s">
        <v>889</v>
      </c>
      <c r="K49" s="35" t="s">
        <v>890</v>
      </c>
      <c r="L49" s="35"/>
      <c r="M49" s="35"/>
      <c r="N49" s="35"/>
      <c r="O49" s="35"/>
      <c r="P49" s="35"/>
      <c r="Q49" s="35"/>
      <c r="R49" s="35" t="s">
        <v>425</v>
      </c>
      <c r="S49" s="37" t="s">
        <v>429</v>
      </c>
      <c r="T49" s="35" t="s">
        <v>431</v>
      </c>
      <c r="U49" s="35"/>
      <c r="V49" s="35"/>
      <c r="W49" s="35"/>
      <c r="X49" s="35"/>
      <c r="Y49" s="35"/>
      <c r="Z49" s="35"/>
      <c r="AA49" s="35"/>
      <c r="AB49" s="35"/>
      <c r="AC49" s="35"/>
      <c r="AD49" s="35"/>
      <c r="AE49" s="39">
        <v>10</v>
      </c>
      <c r="AF49" s="40"/>
    </row>
    <row r="50" spans="1:32" s="10" customFormat="1" ht="105" customHeight="1" x14ac:dyDescent="0.4">
      <c r="A50" s="35" t="s">
        <v>465</v>
      </c>
      <c r="B50" s="35" t="s">
        <v>317</v>
      </c>
      <c r="C50" s="35" t="s">
        <v>891</v>
      </c>
      <c r="D50" s="35" t="s">
        <v>892</v>
      </c>
      <c r="E50" s="35" t="s">
        <v>893</v>
      </c>
      <c r="F50" s="35" t="s">
        <v>894</v>
      </c>
      <c r="G50" s="35" t="s">
        <v>895</v>
      </c>
      <c r="H50" s="35" t="s">
        <v>896</v>
      </c>
      <c r="I50" s="35" t="s">
        <v>897</v>
      </c>
      <c r="J50" s="35" t="s">
        <v>898</v>
      </c>
      <c r="K50" s="42" t="s">
        <v>899</v>
      </c>
      <c r="L50" s="35" t="s">
        <v>900</v>
      </c>
      <c r="M50" s="35"/>
      <c r="N50" s="35" t="s">
        <v>420</v>
      </c>
      <c r="O50" s="35" t="s">
        <v>420</v>
      </c>
      <c r="P50" s="35"/>
      <c r="Q50" s="35"/>
      <c r="R50" s="35" t="s">
        <v>389</v>
      </c>
      <c r="S50" s="37" t="s">
        <v>429</v>
      </c>
      <c r="T50" s="35" t="s">
        <v>431</v>
      </c>
      <c r="U50" s="35"/>
      <c r="V50" s="35"/>
      <c r="W50" s="35"/>
      <c r="X50" s="35"/>
      <c r="Y50" s="35"/>
      <c r="Z50" s="35"/>
      <c r="AA50" s="35" t="s">
        <v>420</v>
      </c>
      <c r="AB50" s="42" t="s">
        <v>901</v>
      </c>
      <c r="AC50" s="35"/>
      <c r="AD50" s="35" t="s">
        <v>902</v>
      </c>
      <c r="AE50" s="39">
        <v>10</v>
      </c>
      <c r="AF50" s="40"/>
    </row>
    <row r="51" spans="1:32" s="9" customFormat="1" ht="30.75" customHeight="1" x14ac:dyDescent="0.4">
      <c r="A51" s="35" t="s">
        <v>668</v>
      </c>
      <c r="B51" s="35" t="s">
        <v>317</v>
      </c>
      <c r="C51" s="45" t="s">
        <v>912</v>
      </c>
      <c r="D51" s="45" t="s">
        <v>913</v>
      </c>
      <c r="E51" s="45" t="s">
        <v>914</v>
      </c>
      <c r="F51" s="45" t="s">
        <v>915</v>
      </c>
      <c r="G51" s="45" t="s">
        <v>916</v>
      </c>
      <c r="H51" s="45" t="s">
        <v>917</v>
      </c>
      <c r="I51" s="45" t="s">
        <v>918</v>
      </c>
      <c r="J51" s="45"/>
      <c r="K51" s="45" t="s">
        <v>444</v>
      </c>
      <c r="L51" s="45"/>
      <c r="M51" s="45"/>
      <c r="N51" s="45"/>
      <c r="O51" s="45"/>
      <c r="P51" s="45"/>
      <c r="Q51" s="45"/>
      <c r="R51" s="35" t="s">
        <v>425</v>
      </c>
      <c r="S51" s="45" t="s">
        <v>443</v>
      </c>
      <c r="T51" s="45"/>
      <c r="U51" s="45"/>
      <c r="V51" s="45"/>
      <c r="W51" s="45"/>
      <c r="X51" s="45"/>
      <c r="Y51" s="45"/>
      <c r="Z51" s="45"/>
      <c r="AA51" s="45"/>
      <c r="AB51" s="45"/>
      <c r="AC51" s="45"/>
      <c r="AD51" s="45" t="s">
        <v>919</v>
      </c>
      <c r="AE51" s="39">
        <v>10</v>
      </c>
      <c r="AF51" s="40"/>
    </row>
    <row r="52" spans="1:32" s="7" customFormat="1" ht="20.25" customHeight="1" x14ac:dyDescent="0.4"/>
    <row r="53" spans="1:32" s="7" customFormat="1" ht="20.25" customHeight="1" x14ac:dyDescent="0.4"/>
    <row r="54" spans="1:32" s="7" customFormat="1" ht="20.25" customHeight="1" x14ac:dyDescent="0.4"/>
    <row r="55" spans="1:32" s="7" customFormat="1" ht="20.25" customHeight="1" x14ac:dyDescent="0.4"/>
    <row r="56" spans="1:32" s="7" customFormat="1" ht="20.25" customHeight="1" x14ac:dyDescent="0.4"/>
    <row r="57" spans="1:32" s="7" customFormat="1" ht="20.25" customHeight="1" x14ac:dyDescent="0.4"/>
    <row r="58" spans="1:32" s="7" customFormat="1" ht="20.25" customHeight="1" x14ac:dyDescent="0.4"/>
    <row r="59" spans="1:32" s="7" customFormat="1" ht="20.25" customHeight="1" x14ac:dyDescent="0.4"/>
    <row r="60" spans="1:32" s="7" customFormat="1" ht="20.25" customHeight="1" x14ac:dyDescent="0.4"/>
    <row r="61" spans="1:32" s="7" customFormat="1" ht="20.25" customHeight="1" x14ac:dyDescent="0.4"/>
    <row r="62" spans="1:32" s="7" customFormat="1" ht="20.25" customHeight="1" x14ac:dyDescent="0.4"/>
    <row r="63" spans="1:32" s="7" customFormat="1" ht="20.25" customHeight="1" x14ac:dyDescent="0.4"/>
    <row r="64" spans="1:32" s="7" customFormat="1" ht="20.25" customHeight="1" x14ac:dyDescent="0.4"/>
    <row r="65" spans="31:32" s="7" customFormat="1" ht="20.25" customHeight="1" x14ac:dyDescent="0.4">
      <c r="AE65" s="11"/>
      <c r="AF65" s="11"/>
    </row>
    <row r="66" spans="31:32" s="7" customFormat="1" ht="20.25" customHeight="1" x14ac:dyDescent="0.4">
      <c r="AE66" s="11"/>
      <c r="AF66" s="11"/>
    </row>
    <row r="67" spans="31:32" s="7" customFormat="1" ht="20.25" customHeight="1" x14ac:dyDescent="0.4">
      <c r="AE67" s="11"/>
      <c r="AF67" s="11"/>
    </row>
    <row r="68" spans="31:32" s="7" customFormat="1" ht="20.25" customHeight="1" x14ac:dyDescent="0.4">
      <c r="AE68" s="11"/>
      <c r="AF68" s="11"/>
    </row>
    <row r="69" spans="31:32" s="7" customFormat="1" ht="20.25" customHeight="1" x14ac:dyDescent="0.4">
      <c r="AE69" s="11"/>
      <c r="AF69" s="11"/>
    </row>
    <row r="70" spans="31:32" s="7" customFormat="1" ht="20.25" customHeight="1" x14ac:dyDescent="0.4">
      <c r="AE70" s="11"/>
      <c r="AF70" s="11"/>
    </row>
    <row r="71" spans="31:32" s="7" customFormat="1" ht="20.25" customHeight="1" x14ac:dyDescent="0.4">
      <c r="AE71" s="11"/>
      <c r="AF71" s="11"/>
    </row>
    <row r="72" spans="31:32" s="7" customFormat="1" ht="20.25" customHeight="1" x14ac:dyDescent="0.4">
      <c r="AE72" s="11"/>
      <c r="AF72" s="11"/>
    </row>
    <row r="73" spans="31:32" s="7" customFormat="1" ht="20.25" customHeight="1" x14ac:dyDescent="0.4">
      <c r="AE73" s="11"/>
      <c r="AF73" s="11"/>
    </row>
    <row r="74" spans="31:32" s="7" customFormat="1" ht="20.25" customHeight="1" x14ac:dyDescent="0.4">
      <c r="AE74" s="11"/>
      <c r="AF74" s="11"/>
    </row>
    <row r="75" spans="31:32" s="7" customFormat="1" ht="20.25" customHeight="1" x14ac:dyDescent="0.4">
      <c r="AE75" s="11"/>
      <c r="AF75" s="11"/>
    </row>
    <row r="76" spans="31:32" s="7" customFormat="1" ht="20.25" customHeight="1" x14ac:dyDescent="0.4">
      <c r="AE76" s="11"/>
      <c r="AF76" s="11"/>
    </row>
    <row r="77" spans="31:32" s="7" customFormat="1" ht="20.25" customHeight="1" x14ac:dyDescent="0.4">
      <c r="AE77" s="11"/>
      <c r="AF77" s="11"/>
    </row>
    <row r="78" spans="31:32" s="7" customFormat="1" ht="20.25" customHeight="1" x14ac:dyDescent="0.4">
      <c r="AE78" s="11"/>
      <c r="AF78" s="11"/>
    </row>
    <row r="79" spans="31:32" s="7" customFormat="1" ht="20.25" customHeight="1" x14ac:dyDescent="0.4">
      <c r="AE79" s="11"/>
      <c r="AF79" s="11"/>
    </row>
    <row r="80" spans="31:32" s="7" customFormat="1" ht="20.25" customHeight="1" x14ac:dyDescent="0.4">
      <c r="AE80" s="11"/>
      <c r="AF80" s="11"/>
    </row>
    <row r="81" spans="31:32" s="7" customFormat="1" ht="20.25" customHeight="1" x14ac:dyDescent="0.4">
      <c r="AE81" s="11"/>
      <c r="AF81" s="11"/>
    </row>
    <row r="82" spans="31:32" s="7" customFormat="1" ht="20.25" customHeight="1" x14ac:dyDescent="0.4">
      <c r="AE82" s="11"/>
      <c r="AF82" s="11"/>
    </row>
    <row r="83" spans="31:32" s="7" customFormat="1" ht="20.25" customHeight="1" x14ac:dyDescent="0.4">
      <c r="AE83" s="11"/>
      <c r="AF83" s="11"/>
    </row>
    <row r="84" spans="31:32" s="7" customFormat="1" ht="20.25" customHeight="1" x14ac:dyDescent="0.4">
      <c r="AE84" s="11"/>
      <c r="AF84" s="11"/>
    </row>
    <row r="85" spans="31:32" s="7" customFormat="1" ht="20.25" customHeight="1" x14ac:dyDescent="0.4">
      <c r="AE85" s="11"/>
      <c r="AF85" s="11"/>
    </row>
    <row r="86" spans="31:32" s="7" customFormat="1" ht="20.25" customHeight="1" x14ac:dyDescent="0.4">
      <c r="AE86" s="11"/>
      <c r="AF86" s="11"/>
    </row>
    <row r="87" spans="31:32" s="7" customFormat="1" ht="20.25" customHeight="1" x14ac:dyDescent="0.4">
      <c r="AE87" s="11"/>
      <c r="AF87" s="11"/>
    </row>
    <row r="88" spans="31:32" s="7" customFormat="1" ht="20.25" customHeight="1" x14ac:dyDescent="0.4">
      <c r="AE88" s="11"/>
      <c r="AF88" s="11"/>
    </row>
    <row r="89" spans="31:32" s="7" customFormat="1" ht="20.25" customHeight="1" x14ac:dyDescent="0.4">
      <c r="AE89" s="11"/>
      <c r="AF89" s="11"/>
    </row>
    <row r="90" spans="31:32" s="7" customFormat="1" ht="20.25" customHeight="1" x14ac:dyDescent="0.4">
      <c r="AE90" s="11"/>
      <c r="AF90" s="11"/>
    </row>
    <row r="91" spans="31:32" s="7" customFormat="1" ht="20.25" customHeight="1" x14ac:dyDescent="0.4">
      <c r="AE91" s="11"/>
      <c r="AF91" s="11"/>
    </row>
    <row r="92" spans="31:32" s="7" customFormat="1" ht="20.25" customHeight="1" x14ac:dyDescent="0.4">
      <c r="AE92" s="11"/>
      <c r="AF92" s="11"/>
    </row>
    <row r="93" spans="31:32" s="7" customFormat="1" ht="20.25" customHeight="1" x14ac:dyDescent="0.4">
      <c r="AE93" s="11"/>
      <c r="AF93" s="11"/>
    </row>
    <row r="94" spans="31:32" s="7" customFormat="1" ht="20.25" customHeight="1" x14ac:dyDescent="0.4">
      <c r="AE94" s="11"/>
      <c r="AF94" s="11"/>
    </row>
    <row r="95" spans="31:32" s="7" customFormat="1" ht="20.25" customHeight="1" x14ac:dyDescent="0.4">
      <c r="AE95" s="11"/>
      <c r="AF95" s="11"/>
    </row>
    <row r="96" spans="31:32" s="7" customFormat="1" ht="20.25" customHeight="1" x14ac:dyDescent="0.4">
      <c r="AE96" s="11"/>
      <c r="AF96" s="11"/>
    </row>
    <row r="97" spans="31:32" s="7" customFormat="1" ht="20.25" customHeight="1" x14ac:dyDescent="0.4">
      <c r="AE97" s="11"/>
      <c r="AF97" s="11"/>
    </row>
    <row r="98" spans="31:32" s="7" customFormat="1" ht="20.25" customHeight="1" x14ac:dyDescent="0.4">
      <c r="AE98" s="11"/>
      <c r="AF98" s="11"/>
    </row>
    <row r="99" spans="31:32" s="7" customFormat="1" ht="20.25" customHeight="1" x14ac:dyDescent="0.4">
      <c r="AE99" s="11"/>
      <c r="AF99" s="11"/>
    </row>
    <row r="100" spans="31:32" s="7" customFormat="1" ht="20.25" customHeight="1" x14ac:dyDescent="0.4">
      <c r="AE100" s="11"/>
      <c r="AF100" s="11"/>
    </row>
    <row r="101" spans="31:32" s="7" customFormat="1" ht="20.25" customHeight="1" x14ac:dyDescent="0.4">
      <c r="AE101" s="11"/>
      <c r="AF101" s="11"/>
    </row>
    <row r="102" spans="31:32" s="7" customFormat="1" ht="20.25" customHeight="1" x14ac:dyDescent="0.4">
      <c r="AE102" s="11"/>
      <c r="AF102" s="11"/>
    </row>
    <row r="103" spans="31:32" s="7" customFormat="1" ht="20.25" customHeight="1" x14ac:dyDescent="0.4">
      <c r="AE103" s="11"/>
      <c r="AF103" s="11"/>
    </row>
    <row r="104" spans="31:32" s="7" customFormat="1" ht="20.25" customHeight="1" x14ac:dyDescent="0.4">
      <c r="AE104" s="11"/>
      <c r="AF104" s="11"/>
    </row>
    <row r="105" spans="31:32" s="7" customFormat="1" ht="20.25" customHeight="1" x14ac:dyDescent="0.4">
      <c r="AE105" s="11"/>
      <c r="AF105" s="11"/>
    </row>
    <row r="106" spans="31:32" s="7" customFormat="1" ht="20.25" customHeight="1" x14ac:dyDescent="0.4">
      <c r="AE106" s="11"/>
      <c r="AF106" s="11"/>
    </row>
    <row r="107" spans="31:32" s="7" customFormat="1" ht="20.25" customHeight="1" x14ac:dyDescent="0.4">
      <c r="AE107" s="11"/>
      <c r="AF107" s="11"/>
    </row>
    <row r="108" spans="31:32" s="7" customFormat="1" ht="20.25" customHeight="1" x14ac:dyDescent="0.4">
      <c r="AE108" s="11"/>
      <c r="AF108" s="11"/>
    </row>
    <row r="109" spans="31:32" s="7" customFormat="1" ht="20.25" customHeight="1" x14ac:dyDescent="0.4">
      <c r="AE109" s="11"/>
      <c r="AF109" s="11"/>
    </row>
    <row r="110" spans="31:32" s="7" customFormat="1" ht="20.25" customHeight="1" x14ac:dyDescent="0.4">
      <c r="AE110" s="12"/>
      <c r="AF110" s="12"/>
    </row>
    <row r="111" spans="31:32" s="7" customFormat="1" ht="20.25" customHeight="1" x14ac:dyDescent="0.4">
      <c r="AE111" s="12"/>
      <c r="AF111" s="12"/>
    </row>
    <row r="112" spans="31:32" s="7" customFormat="1" ht="20.25" customHeight="1" x14ac:dyDescent="0.4">
      <c r="AE112" s="12"/>
      <c r="AF112" s="12"/>
    </row>
    <row r="113" spans="31:32" s="7" customFormat="1" ht="20.25" customHeight="1" x14ac:dyDescent="0.4">
      <c r="AE113" s="12"/>
      <c r="AF113" s="12"/>
    </row>
    <row r="114" spans="31:32" s="7" customFormat="1" ht="20.25" customHeight="1" x14ac:dyDescent="0.4">
      <c r="AE114" s="12"/>
      <c r="AF114" s="12"/>
    </row>
    <row r="115" spans="31:32" s="7" customFormat="1" ht="20.25" customHeight="1" x14ac:dyDescent="0.4">
      <c r="AE115" s="12"/>
      <c r="AF115" s="12"/>
    </row>
    <row r="116" spans="31:32" s="7" customFormat="1" ht="20.25" customHeight="1" x14ac:dyDescent="0.4">
      <c r="AE116" s="12"/>
      <c r="AF116" s="12"/>
    </row>
    <row r="117" spans="31:32" s="7" customFormat="1" ht="20.25" customHeight="1" x14ac:dyDescent="0.4">
      <c r="AE117" s="12"/>
      <c r="AF117" s="12"/>
    </row>
    <row r="118" spans="31:32" s="7" customFormat="1" ht="20.25" customHeight="1" x14ac:dyDescent="0.4">
      <c r="AE118" s="12"/>
      <c r="AF118" s="12"/>
    </row>
    <row r="119" spans="31:32" s="7" customFormat="1" ht="20.25" customHeight="1" x14ac:dyDescent="0.4">
      <c r="AE119" s="12"/>
      <c r="AF119" s="12"/>
    </row>
    <row r="120" spans="31:32" s="7" customFormat="1" ht="20.25" customHeight="1" x14ac:dyDescent="0.4">
      <c r="AE120" s="8"/>
      <c r="AF120" s="13"/>
    </row>
    <row r="121" spans="31:32" s="7" customFormat="1" ht="20.25" customHeight="1" x14ac:dyDescent="0.4">
      <c r="AE121" s="8"/>
      <c r="AF121" s="13"/>
    </row>
    <row r="122" spans="31:32" s="7" customFormat="1" ht="20.25" customHeight="1" x14ac:dyDescent="0.4">
      <c r="AE122" s="8"/>
      <c r="AF122" s="13"/>
    </row>
    <row r="123" spans="31:32" s="7" customFormat="1" ht="20.25" customHeight="1" x14ac:dyDescent="0.4">
      <c r="AE123" s="8"/>
      <c r="AF123" s="13"/>
    </row>
    <row r="124" spans="31:32" s="7" customFormat="1" ht="20.25" customHeight="1" x14ac:dyDescent="0.4">
      <c r="AE124" s="13"/>
      <c r="AF124" s="13"/>
    </row>
    <row r="125" spans="31:32" s="7" customFormat="1" ht="20.25" customHeight="1" x14ac:dyDescent="0.4">
      <c r="AE125" s="13"/>
      <c r="AF125" s="13"/>
    </row>
    <row r="126" spans="31:32" s="7" customFormat="1" ht="20.25" customHeight="1" x14ac:dyDescent="0.4">
      <c r="AE126" s="13"/>
      <c r="AF126" s="13"/>
    </row>
    <row r="127" spans="31:32" s="7" customFormat="1" ht="20.25" customHeight="1" x14ac:dyDescent="0.4">
      <c r="AE127" s="13"/>
      <c r="AF127" s="13"/>
    </row>
    <row r="128" spans="31:32" s="7" customFormat="1" ht="20.25" customHeight="1" x14ac:dyDescent="0.4">
      <c r="AE128" s="13"/>
      <c r="AF128" s="13"/>
    </row>
    <row r="129" spans="31:32" s="7" customFormat="1" ht="20.25" customHeight="1" x14ac:dyDescent="0.4">
      <c r="AE129" s="13"/>
      <c r="AF129" s="13"/>
    </row>
    <row r="130" spans="31:32" s="7" customFormat="1" ht="20.25" customHeight="1" x14ac:dyDescent="0.4">
      <c r="AE130" s="13"/>
      <c r="AF130" s="13"/>
    </row>
    <row r="131" spans="31:32" s="7" customFormat="1" ht="20.25" customHeight="1" x14ac:dyDescent="0.4">
      <c r="AE131" s="13"/>
      <c r="AF131" s="13"/>
    </row>
    <row r="132" spans="31:32" s="7" customFormat="1" ht="20.25" customHeight="1" x14ac:dyDescent="0.4">
      <c r="AE132" s="13"/>
      <c r="AF132" s="13"/>
    </row>
    <row r="133" spans="31:32" s="7" customFormat="1" ht="20.25" customHeight="1" x14ac:dyDescent="0.4">
      <c r="AE133" s="13"/>
      <c r="AF133" s="13"/>
    </row>
    <row r="134" spans="31:32" s="7" customFormat="1" ht="20.25" customHeight="1" x14ac:dyDescent="0.4">
      <c r="AE134" s="13"/>
      <c r="AF134" s="13"/>
    </row>
    <row r="135" spans="31:32" s="7" customFormat="1" ht="20.25" customHeight="1" x14ac:dyDescent="0.4">
      <c r="AE135" s="13"/>
      <c r="AF135" s="13"/>
    </row>
    <row r="136" spans="31:32" s="7" customFormat="1" ht="20.25" customHeight="1" x14ac:dyDescent="0.4">
      <c r="AE136" s="13"/>
      <c r="AF136" s="13"/>
    </row>
    <row r="137" spans="31:32" s="7" customFormat="1" ht="20.25" customHeight="1" x14ac:dyDescent="0.4">
      <c r="AE137" s="13"/>
      <c r="AF137" s="13"/>
    </row>
    <row r="138" spans="31:32" s="7" customFormat="1" ht="20.25" customHeight="1" x14ac:dyDescent="0.4">
      <c r="AE138" s="13"/>
      <c r="AF138" s="13"/>
    </row>
    <row r="139" spans="31:32" s="7" customFormat="1" ht="20.25" customHeight="1" x14ac:dyDescent="0.4">
      <c r="AE139" s="13"/>
      <c r="AF139" s="13"/>
    </row>
    <row r="140" spans="31:32" s="7" customFormat="1" ht="20.25" customHeight="1" x14ac:dyDescent="0.4">
      <c r="AE140" s="13"/>
      <c r="AF140" s="13"/>
    </row>
    <row r="141" spans="31:32" s="7" customFormat="1" ht="20.25" customHeight="1" x14ac:dyDescent="0.4">
      <c r="AE141" s="13"/>
      <c r="AF141" s="13"/>
    </row>
    <row r="142" spans="31:32" s="7" customFormat="1" ht="20.25" customHeight="1" x14ac:dyDescent="0.4">
      <c r="AE142" s="13"/>
      <c r="AF142" s="13"/>
    </row>
    <row r="143" spans="31:32" s="7" customFormat="1" ht="20.25" customHeight="1" x14ac:dyDescent="0.4">
      <c r="AE143" s="13"/>
      <c r="AF143" s="13"/>
    </row>
    <row r="144" spans="31:32" s="7" customFormat="1" ht="20.25" customHeight="1" x14ac:dyDescent="0.4">
      <c r="AE144" s="13"/>
      <c r="AF144" s="13"/>
    </row>
    <row r="145" spans="31:32" s="7" customFormat="1" ht="20.25" customHeight="1" x14ac:dyDescent="0.4">
      <c r="AE145" s="13"/>
      <c r="AF145" s="13"/>
    </row>
    <row r="146" spans="31:32" s="7" customFormat="1" ht="20.25" customHeight="1" x14ac:dyDescent="0.4">
      <c r="AE146" s="13"/>
      <c r="AF146" s="13"/>
    </row>
    <row r="147" spans="31:32" s="7" customFormat="1" ht="20.25" customHeight="1" x14ac:dyDescent="0.4">
      <c r="AE147" s="13"/>
      <c r="AF147" s="13"/>
    </row>
    <row r="148" spans="31:32" s="7" customFormat="1" ht="20.25" customHeight="1" x14ac:dyDescent="0.4">
      <c r="AE148" s="13"/>
      <c r="AF148" s="13"/>
    </row>
    <row r="149" spans="31:32" s="7" customFormat="1" ht="20.25" customHeight="1" x14ac:dyDescent="0.4">
      <c r="AE149" s="13"/>
      <c r="AF149" s="13"/>
    </row>
    <row r="150" spans="31:32" s="7" customFormat="1" ht="20.25" customHeight="1" x14ac:dyDescent="0.4">
      <c r="AE150" s="13"/>
      <c r="AF150" s="13"/>
    </row>
    <row r="151" spans="31:32" s="7" customFormat="1" ht="20.25" customHeight="1" x14ac:dyDescent="0.4">
      <c r="AE151" s="13"/>
      <c r="AF151" s="13"/>
    </row>
    <row r="152" spans="31:32" s="7" customFormat="1" ht="20.25" customHeight="1" x14ac:dyDescent="0.4">
      <c r="AE152" s="13"/>
      <c r="AF152" s="13"/>
    </row>
    <row r="153" spans="31:32" s="7" customFormat="1" ht="20.25" customHeight="1" x14ac:dyDescent="0.4">
      <c r="AE153" s="13"/>
      <c r="AF153" s="13"/>
    </row>
    <row r="154" spans="31:32" s="7" customFormat="1" ht="20.25" customHeight="1" x14ac:dyDescent="0.4">
      <c r="AE154" s="13"/>
      <c r="AF154" s="13"/>
    </row>
    <row r="155" spans="31:32" s="7" customFormat="1" ht="20.25" customHeight="1" x14ac:dyDescent="0.4">
      <c r="AE155" s="13"/>
      <c r="AF155" s="13"/>
    </row>
    <row r="156" spans="31:32" s="7" customFormat="1" ht="20.25" customHeight="1" x14ac:dyDescent="0.4">
      <c r="AE156" s="13"/>
      <c r="AF156" s="13"/>
    </row>
    <row r="157" spans="31:32" s="7" customFormat="1" ht="20.25" customHeight="1" x14ac:dyDescent="0.4">
      <c r="AE157" s="13"/>
      <c r="AF157" s="13"/>
    </row>
    <row r="158" spans="31:32" s="7" customFormat="1" ht="20.25" customHeight="1" x14ac:dyDescent="0.4">
      <c r="AE158" s="13"/>
      <c r="AF158" s="13"/>
    </row>
    <row r="159" spans="31:32" s="7" customFormat="1" ht="20.25" customHeight="1" x14ac:dyDescent="0.4">
      <c r="AE159" s="13"/>
      <c r="AF159" s="13"/>
    </row>
    <row r="160" spans="31:32" s="7" customFormat="1" ht="20.25" customHeight="1" x14ac:dyDescent="0.4">
      <c r="AE160" s="13"/>
      <c r="AF160" s="13"/>
    </row>
    <row r="161" spans="31:32" s="7" customFormat="1" ht="20.25" customHeight="1" x14ac:dyDescent="0.4">
      <c r="AE161" s="13"/>
      <c r="AF161" s="13"/>
    </row>
    <row r="162" spans="31:32" s="7" customFormat="1" ht="20.25" customHeight="1" x14ac:dyDescent="0.4">
      <c r="AE162" s="13"/>
      <c r="AF162" s="13"/>
    </row>
    <row r="163" spans="31:32" s="7" customFormat="1" ht="20.25" customHeight="1" x14ac:dyDescent="0.4">
      <c r="AE163" s="13"/>
      <c r="AF163" s="13"/>
    </row>
    <row r="164" spans="31:32" s="7" customFormat="1" ht="20.25" customHeight="1" x14ac:dyDescent="0.4">
      <c r="AE164" s="13"/>
      <c r="AF164" s="13"/>
    </row>
    <row r="165" spans="31:32" s="7" customFormat="1" ht="20.25" customHeight="1" x14ac:dyDescent="0.4">
      <c r="AE165" s="13"/>
      <c r="AF165" s="13"/>
    </row>
    <row r="166" spans="31:32" s="7" customFormat="1" ht="20.25" customHeight="1" x14ac:dyDescent="0.4">
      <c r="AE166" s="13"/>
      <c r="AF166" s="13"/>
    </row>
    <row r="167" spans="31:32" s="7" customFormat="1" ht="20.25" customHeight="1" x14ac:dyDescent="0.4">
      <c r="AE167" s="13"/>
      <c r="AF167" s="13"/>
    </row>
    <row r="168" spans="31:32" s="7" customFormat="1" ht="20.25" customHeight="1" x14ac:dyDescent="0.4">
      <c r="AE168" s="13"/>
      <c r="AF168" s="13"/>
    </row>
    <row r="169" spans="31:32" s="7" customFormat="1" ht="20.25" customHeight="1" x14ac:dyDescent="0.4">
      <c r="AE169" s="13"/>
      <c r="AF169" s="13"/>
    </row>
    <row r="170" spans="31:32" s="7" customFormat="1" ht="20.25" customHeight="1" x14ac:dyDescent="0.4">
      <c r="AE170" s="13"/>
      <c r="AF170" s="13"/>
    </row>
    <row r="171" spans="31:32" s="7" customFormat="1" ht="20.25" customHeight="1" x14ac:dyDescent="0.4">
      <c r="AE171" s="13"/>
      <c r="AF171" s="13"/>
    </row>
    <row r="172" spans="31:32" s="7" customFormat="1" ht="20.25" customHeight="1" x14ac:dyDescent="0.4">
      <c r="AE172" s="13"/>
      <c r="AF172" s="13"/>
    </row>
    <row r="173" spans="31:32" s="7" customFormat="1" ht="20.25" customHeight="1" x14ac:dyDescent="0.4">
      <c r="AE173" s="13"/>
      <c r="AF173" s="13"/>
    </row>
    <row r="174" spans="31:32" s="7" customFormat="1" ht="20.25" customHeight="1" x14ac:dyDescent="0.4">
      <c r="AE174" s="13"/>
      <c r="AF174" s="13"/>
    </row>
    <row r="175" spans="31:32" s="7" customFormat="1" ht="20.25" customHeight="1" x14ac:dyDescent="0.4">
      <c r="AE175" s="13"/>
      <c r="AF175" s="13"/>
    </row>
    <row r="176" spans="31:32" s="7" customFormat="1" ht="20.25" customHeight="1" x14ac:dyDescent="0.4">
      <c r="AE176" s="13"/>
      <c r="AF176" s="13"/>
    </row>
    <row r="177" spans="31:32" s="7" customFormat="1" ht="20.25" customHeight="1" x14ac:dyDescent="0.4">
      <c r="AE177" s="13"/>
      <c r="AF177" s="13"/>
    </row>
    <row r="178" spans="31:32" s="7" customFormat="1" ht="20.25" customHeight="1" x14ac:dyDescent="0.4">
      <c r="AE178" s="13"/>
      <c r="AF178" s="13"/>
    </row>
    <row r="179" spans="31:32" s="7" customFormat="1" ht="20.25" customHeight="1" x14ac:dyDescent="0.4">
      <c r="AE179" s="13"/>
      <c r="AF179" s="13"/>
    </row>
    <row r="180" spans="31:32" s="7" customFormat="1" ht="20.25" customHeight="1" x14ac:dyDescent="0.4">
      <c r="AE180" s="13"/>
      <c r="AF180" s="13"/>
    </row>
    <row r="181" spans="31:32" s="7" customFormat="1" ht="20.25" customHeight="1" x14ac:dyDescent="0.4">
      <c r="AE181" s="13"/>
      <c r="AF181" s="13"/>
    </row>
    <row r="182" spans="31:32" s="7" customFormat="1" ht="20.25" customHeight="1" x14ac:dyDescent="0.4">
      <c r="AE182" s="13"/>
      <c r="AF182" s="13"/>
    </row>
    <row r="183" spans="31:32" s="7" customFormat="1" ht="20.25" customHeight="1" x14ac:dyDescent="0.4">
      <c r="AE183" s="13"/>
      <c r="AF183" s="13"/>
    </row>
    <row r="184" spans="31:32" s="7" customFormat="1" ht="20.25" customHeight="1" x14ac:dyDescent="0.4">
      <c r="AE184" s="13"/>
      <c r="AF184" s="13"/>
    </row>
    <row r="185" spans="31:32" s="7" customFormat="1" ht="20.25" customHeight="1" x14ac:dyDescent="0.4">
      <c r="AE185" s="13"/>
      <c r="AF185" s="13"/>
    </row>
    <row r="186" spans="31:32" s="7" customFormat="1" ht="20.25" customHeight="1" x14ac:dyDescent="0.4">
      <c r="AE186" s="13"/>
      <c r="AF186" s="13"/>
    </row>
    <row r="187" spans="31:32" s="7" customFormat="1" ht="20.25" customHeight="1" x14ac:dyDescent="0.4">
      <c r="AE187" s="13"/>
      <c r="AF187" s="13"/>
    </row>
    <row r="188" spans="31:32" s="7" customFormat="1" ht="20.25" customHeight="1" x14ac:dyDescent="0.4">
      <c r="AE188" s="13"/>
      <c r="AF188" s="13"/>
    </row>
    <row r="189" spans="31:32" s="7" customFormat="1" ht="20.25" customHeight="1" x14ac:dyDescent="0.4">
      <c r="AE189" s="13"/>
      <c r="AF189" s="13"/>
    </row>
    <row r="190" spans="31:32" s="7" customFormat="1" ht="20.25" customHeight="1" x14ac:dyDescent="0.4">
      <c r="AE190" s="13"/>
      <c r="AF190" s="13"/>
    </row>
    <row r="191" spans="31:32" s="7" customFormat="1" ht="20.25" customHeight="1" x14ac:dyDescent="0.4">
      <c r="AE191" s="13"/>
      <c r="AF191" s="13"/>
    </row>
    <row r="192" spans="31:32" s="7" customFormat="1" ht="20.25" customHeight="1" x14ac:dyDescent="0.4">
      <c r="AE192" s="13"/>
      <c r="AF192" s="13"/>
    </row>
    <row r="193" spans="31:32" s="7" customFormat="1" ht="20.25" customHeight="1" x14ac:dyDescent="0.4">
      <c r="AE193" s="13"/>
      <c r="AF193" s="13"/>
    </row>
    <row r="194" spans="31:32" s="7" customFormat="1" ht="20.25" customHeight="1" x14ac:dyDescent="0.4">
      <c r="AE194" s="13"/>
      <c r="AF194" s="13"/>
    </row>
    <row r="195" spans="31:32" s="7" customFormat="1" ht="20.25" customHeight="1" x14ac:dyDescent="0.4">
      <c r="AE195" s="13"/>
      <c r="AF195" s="13"/>
    </row>
    <row r="196" spans="31:32" s="7" customFormat="1" ht="20.25" customHeight="1" x14ac:dyDescent="0.4">
      <c r="AE196" s="13"/>
      <c r="AF196" s="13"/>
    </row>
    <row r="197" spans="31:32" s="7" customFormat="1" ht="20.25" customHeight="1" x14ac:dyDescent="0.4">
      <c r="AE197" s="13"/>
      <c r="AF197" s="13"/>
    </row>
    <row r="198" spans="31:32" s="7" customFormat="1" ht="20.25" customHeight="1" x14ac:dyDescent="0.4">
      <c r="AE198" s="13"/>
      <c r="AF198" s="13"/>
    </row>
    <row r="199" spans="31:32" s="7" customFormat="1" ht="20.25" customHeight="1" x14ac:dyDescent="0.4">
      <c r="AE199" s="13"/>
      <c r="AF199" s="13"/>
    </row>
    <row r="200" spans="31:32" s="7" customFormat="1" ht="20.25" customHeight="1" x14ac:dyDescent="0.4">
      <c r="AE200" s="13"/>
      <c r="AF200" s="13"/>
    </row>
    <row r="201" spans="31:32" s="7" customFormat="1" ht="20.25" customHeight="1" x14ac:dyDescent="0.4">
      <c r="AE201" s="13"/>
      <c r="AF201" s="13"/>
    </row>
    <row r="202" spans="31:32" s="7" customFormat="1" ht="20.25" customHeight="1" x14ac:dyDescent="0.4">
      <c r="AE202" s="13"/>
      <c r="AF202" s="13"/>
    </row>
    <row r="203" spans="31:32" s="7" customFormat="1" ht="20.25" customHeight="1" x14ac:dyDescent="0.4">
      <c r="AE203" s="13"/>
      <c r="AF203" s="13"/>
    </row>
    <row r="204" spans="31:32" s="7" customFormat="1" ht="20.25" customHeight="1" x14ac:dyDescent="0.4">
      <c r="AE204" s="13"/>
      <c r="AF204" s="13"/>
    </row>
    <row r="205" spans="31:32" s="7" customFormat="1" ht="20.25" customHeight="1" x14ac:dyDescent="0.4">
      <c r="AE205" s="13"/>
      <c r="AF205" s="13"/>
    </row>
    <row r="206" spans="31:32" s="7" customFormat="1" ht="20.25" customHeight="1" x14ac:dyDescent="0.4">
      <c r="AE206" s="13"/>
      <c r="AF206" s="13"/>
    </row>
    <row r="207" spans="31:32" s="7" customFormat="1" ht="20.25" customHeight="1" x14ac:dyDescent="0.4">
      <c r="AE207" s="13"/>
      <c r="AF207" s="13"/>
    </row>
    <row r="208" spans="31:32" s="7" customFormat="1" ht="20.25" customHeight="1" x14ac:dyDescent="0.4">
      <c r="AE208" s="13"/>
      <c r="AF208" s="13"/>
    </row>
    <row r="209" spans="31:32" s="7" customFormat="1" ht="20.25" customHeight="1" x14ac:dyDescent="0.4">
      <c r="AE209" s="13"/>
      <c r="AF209" s="13"/>
    </row>
    <row r="210" spans="31:32" s="7" customFormat="1" ht="20.25" customHeight="1" x14ac:dyDescent="0.4">
      <c r="AE210" s="13"/>
      <c r="AF210" s="13"/>
    </row>
    <row r="211" spans="31:32" s="7" customFormat="1" ht="20.25" customHeight="1" x14ac:dyDescent="0.4">
      <c r="AE211" s="13"/>
      <c r="AF211" s="13"/>
    </row>
    <row r="212" spans="31:32" s="7" customFormat="1" ht="20.25" customHeight="1" x14ac:dyDescent="0.4">
      <c r="AE212" s="13"/>
      <c r="AF212" s="13"/>
    </row>
    <row r="213" spans="31:32" s="7" customFormat="1" ht="20.25" customHeight="1" x14ac:dyDescent="0.4">
      <c r="AE213" s="13"/>
      <c r="AF213" s="13"/>
    </row>
    <row r="214" spans="31:32" s="7" customFormat="1" ht="20.25" customHeight="1" x14ac:dyDescent="0.4">
      <c r="AE214" s="13"/>
      <c r="AF214" s="13"/>
    </row>
    <row r="215" spans="31:32" s="7" customFormat="1" ht="20.25" customHeight="1" x14ac:dyDescent="0.4">
      <c r="AE215" s="13"/>
      <c r="AF215" s="13"/>
    </row>
    <row r="216" spans="31:32" s="7" customFormat="1" ht="20.25" customHeight="1" x14ac:dyDescent="0.4">
      <c r="AE216" s="13"/>
      <c r="AF216" s="13"/>
    </row>
    <row r="217" spans="31:32" s="7" customFormat="1" ht="20.25" customHeight="1" x14ac:dyDescent="0.4">
      <c r="AE217" s="13"/>
      <c r="AF217" s="13"/>
    </row>
    <row r="218" spans="31:32" s="7" customFormat="1" ht="20.25" customHeight="1" x14ac:dyDescent="0.4">
      <c r="AE218" s="13"/>
      <c r="AF218" s="13"/>
    </row>
    <row r="219" spans="31:32" s="7" customFormat="1" ht="20.25" customHeight="1" x14ac:dyDescent="0.4">
      <c r="AE219" s="13"/>
      <c r="AF219" s="13"/>
    </row>
    <row r="220" spans="31:32" s="7" customFormat="1" ht="20.25" customHeight="1" x14ac:dyDescent="0.4">
      <c r="AE220" s="13"/>
      <c r="AF220" s="13"/>
    </row>
    <row r="221" spans="31:32" s="7" customFormat="1" ht="20.25" customHeight="1" x14ac:dyDescent="0.4">
      <c r="AE221" s="13"/>
      <c r="AF221" s="13"/>
    </row>
    <row r="222" spans="31:32" s="7" customFormat="1" ht="20.25" customHeight="1" x14ac:dyDescent="0.4">
      <c r="AE222" s="13"/>
      <c r="AF222" s="13"/>
    </row>
    <row r="223" spans="31:32" s="7" customFormat="1" ht="20.25" customHeight="1" x14ac:dyDescent="0.4">
      <c r="AE223" s="13"/>
      <c r="AF223" s="13"/>
    </row>
    <row r="224" spans="31:32" s="7" customFormat="1" ht="20.25" customHeight="1" x14ac:dyDescent="0.4">
      <c r="AE224" s="13"/>
      <c r="AF224" s="13"/>
    </row>
    <row r="225" spans="31:32" s="7" customFormat="1" ht="20.25" customHeight="1" x14ac:dyDescent="0.4">
      <c r="AE225" s="13"/>
      <c r="AF225" s="13"/>
    </row>
    <row r="226" spans="31:32" s="7" customFormat="1" ht="20.25" customHeight="1" x14ac:dyDescent="0.4">
      <c r="AE226" s="13"/>
      <c r="AF226" s="13"/>
    </row>
    <row r="227" spans="31:32" s="7" customFormat="1" ht="20.25" customHeight="1" x14ac:dyDescent="0.4">
      <c r="AE227" s="13"/>
      <c r="AF227" s="13"/>
    </row>
    <row r="228" spans="31:32" s="7" customFormat="1" ht="20.25" customHeight="1" x14ac:dyDescent="0.4">
      <c r="AE228" s="13"/>
      <c r="AF228" s="13"/>
    </row>
    <row r="229" spans="31:32" s="7" customFormat="1" ht="20.25" customHeight="1" x14ac:dyDescent="0.4">
      <c r="AE229" s="13"/>
      <c r="AF229" s="13"/>
    </row>
    <row r="230" spans="31:32" s="7" customFormat="1" ht="20.25" customHeight="1" x14ac:dyDescent="0.4">
      <c r="AE230" s="13"/>
      <c r="AF230" s="13"/>
    </row>
    <row r="231" spans="31:32" s="7" customFormat="1" ht="20.25" customHeight="1" x14ac:dyDescent="0.4">
      <c r="AE231" s="13"/>
      <c r="AF231" s="13"/>
    </row>
    <row r="232" spans="31:32" s="7" customFormat="1" ht="20.25" customHeight="1" x14ac:dyDescent="0.4">
      <c r="AE232" s="13"/>
      <c r="AF232" s="13"/>
    </row>
    <row r="233" spans="31:32" s="7" customFormat="1" ht="20.25" customHeight="1" x14ac:dyDescent="0.4">
      <c r="AE233" s="13"/>
      <c r="AF233" s="13"/>
    </row>
    <row r="234" spans="31:32" s="7" customFormat="1" ht="20.25" customHeight="1" x14ac:dyDescent="0.4">
      <c r="AE234" s="13"/>
      <c r="AF234" s="13"/>
    </row>
    <row r="235" spans="31:32" s="7" customFormat="1" ht="20.25" customHeight="1" x14ac:dyDescent="0.4">
      <c r="AE235" s="13"/>
      <c r="AF235" s="13"/>
    </row>
    <row r="236" spans="31:32" s="7" customFormat="1" ht="20.25" customHeight="1" x14ac:dyDescent="0.4">
      <c r="AE236" s="13"/>
      <c r="AF236" s="13"/>
    </row>
    <row r="237" spans="31:32" s="7" customFormat="1" ht="20.25" customHeight="1" x14ac:dyDescent="0.4">
      <c r="AE237" s="13"/>
      <c r="AF237" s="13"/>
    </row>
    <row r="238" spans="31:32" s="7" customFormat="1" ht="20.25" customHeight="1" x14ac:dyDescent="0.4">
      <c r="AE238" s="13"/>
      <c r="AF238" s="13"/>
    </row>
    <row r="239" spans="31:32" s="7" customFormat="1" ht="20.25" customHeight="1" x14ac:dyDescent="0.4">
      <c r="AE239" s="13"/>
      <c r="AF239" s="13"/>
    </row>
    <row r="240" spans="31:32" s="7" customFormat="1" ht="20.25" customHeight="1" x14ac:dyDescent="0.4">
      <c r="AE240" s="13"/>
      <c r="AF240" s="13"/>
    </row>
    <row r="241" spans="31:32" s="7" customFormat="1" ht="20.25" customHeight="1" x14ac:dyDescent="0.4">
      <c r="AE241" s="13"/>
      <c r="AF241" s="13"/>
    </row>
    <row r="242" spans="31:32" s="7" customFormat="1" ht="20.25" customHeight="1" x14ac:dyDescent="0.4">
      <c r="AE242" s="13"/>
      <c r="AF242" s="13"/>
    </row>
    <row r="243" spans="31:32" s="7" customFormat="1" ht="20.25" customHeight="1" x14ac:dyDescent="0.4">
      <c r="AE243" s="13"/>
      <c r="AF243" s="13"/>
    </row>
    <row r="244" spans="31:32" s="7" customFormat="1" ht="20.25" customHeight="1" x14ac:dyDescent="0.4">
      <c r="AE244" s="13"/>
      <c r="AF244" s="13"/>
    </row>
    <row r="245" spans="31:32" s="7" customFormat="1" ht="20.25" customHeight="1" x14ac:dyDescent="0.4">
      <c r="AE245" s="13"/>
      <c r="AF245" s="13"/>
    </row>
    <row r="246" spans="31:32" s="7" customFormat="1" ht="20.25" customHeight="1" x14ac:dyDescent="0.4">
      <c r="AE246" s="13"/>
      <c r="AF246" s="13"/>
    </row>
    <row r="247" spans="31:32" s="7" customFormat="1" ht="20.25" customHeight="1" x14ac:dyDescent="0.4">
      <c r="AE247" s="13"/>
      <c r="AF247" s="13"/>
    </row>
    <row r="248" spans="31:32" s="7" customFormat="1" ht="20.25" customHeight="1" x14ac:dyDescent="0.4">
      <c r="AE248" s="13"/>
      <c r="AF248" s="13"/>
    </row>
    <row r="249" spans="31:32" s="7" customFormat="1" ht="20.25" customHeight="1" x14ac:dyDescent="0.4">
      <c r="AE249" s="13"/>
      <c r="AF249" s="13"/>
    </row>
    <row r="250" spans="31:32" s="7" customFormat="1" x14ac:dyDescent="0.4">
      <c r="AE250" s="13"/>
      <c r="AF250" s="13"/>
    </row>
    <row r="251" spans="31:32" s="7" customFormat="1" x14ac:dyDescent="0.4">
      <c r="AE251" s="13"/>
      <c r="AF251" s="13"/>
    </row>
    <row r="252" spans="31:32" s="7" customFormat="1" x14ac:dyDescent="0.4">
      <c r="AE252" s="13"/>
      <c r="AF252" s="13"/>
    </row>
    <row r="253" spans="31:32" s="7" customFormat="1" x14ac:dyDescent="0.4">
      <c r="AE253" s="13"/>
      <c r="AF253" s="13"/>
    </row>
    <row r="254" spans="31:32" s="7" customFormat="1" x14ac:dyDescent="0.4">
      <c r="AE254" s="13"/>
      <c r="AF254" s="13"/>
    </row>
    <row r="255" spans="31:32" s="7" customFormat="1" x14ac:dyDescent="0.4">
      <c r="AE255" s="13"/>
      <c r="AF255" s="13"/>
    </row>
    <row r="256" spans="31:32" s="7" customFormat="1" x14ac:dyDescent="0.4">
      <c r="AE256" s="13"/>
      <c r="AF256" s="13"/>
    </row>
    <row r="257" spans="31:32" s="7" customFormat="1" x14ac:dyDescent="0.4">
      <c r="AE257" s="13"/>
      <c r="AF257" s="13"/>
    </row>
    <row r="258" spans="31:32" s="7" customFormat="1" x14ac:dyDescent="0.4">
      <c r="AE258" s="13"/>
      <c r="AF258" s="13"/>
    </row>
    <row r="259" spans="31:32" s="7" customFormat="1" x14ac:dyDescent="0.4">
      <c r="AE259" s="13"/>
      <c r="AF259" s="13"/>
    </row>
    <row r="260" spans="31:32" s="7" customFormat="1" x14ac:dyDescent="0.4">
      <c r="AE260" s="13"/>
      <c r="AF260" s="13"/>
    </row>
    <row r="261" spans="31:32" s="7" customFormat="1" x14ac:dyDescent="0.4">
      <c r="AE261" s="13"/>
      <c r="AF261" s="13"/>
    </row>
    <row r="262" spans="31:32" s="7" customFormat="1" x14ac:dyDescent="0.4">
      <c r="AE262" s="13"/>
      <c r="AF262" s="13"/>
    </row>
    <row r="263" spans="31:32" s="7" customFormat="1" x14ac:dyDescent="0.4">
      <c r="AE263" s="13"/>
      <c r="AF263" s="13"/>
    </row>
    <row r="264" spans="31:32" s="7" customFormat="1" x14ac:dyDescent="0.4">
      <c r="AE264" s="13"/>
      <c r="AF264" s="13"/>
    </row>
    <row r="265" spans="31:32" s="7" customFormat="1" x14ac:dyDescent="0.4">
      <c r="AE265" s="13"/>
      <c r="AF265" s="13"/>
    </row>
    <row r="266" spans="31:32" s="7" customFormat="1" x14ac:dyDescent="0.4">
      <c r="AE266" s="13"/>
      <c r="AF266" s="13"/>
    </row>
    <row r="267" spans="31:32" s="7" customFormat="1" x14ac:dyDescent="0.4">
      <c r="AE267" s="13"/>
      <c r="AF267" s="13"/>
    </row>
    <row r="268" spans="31:32" s="7" customFormat="1" x14ac:dyDescent="0.4">
      <c r="AE268" s="13"/>
      <c r="AF268" s="13"/>
    </row>
    <row r="269" spans="31:32" s="7" customFormat="1" x14ac:dyDescent="0.4">
      <c r="AE269" s="13"/>
      <c r="AF269" s="13"/>
    </row>
    <row r="270" spans="31:32" s="7" customFormat="1" x14ac:dyDescent="0.4">
      <c r="AE270" s="13"/>
      <c r="AF270" s="13"/>
    </row>
    <row r="271" spans="31:32" s="7" customFormat="1" x14ac:dyDescent="0.4">
      <c r="AE271" s="13"/>
      <c r="AF271" s="13"/>
    </row>
    <row r="272" spans="31:32" s="7" customFormat="1" x14ac:dyDescent="0.4">
      <c r="AE272" s="13"/>
      <c r="AF272" s="13"/>
    </row>
    <row r="273" spans="31:32" s="7" customFormat="1" x14ac:dyDescent="0.4">
      <c r="AE273" s="13"/>
      <c r="AF273" s="13"/>
    </row>
    <row r="274" spans="31:32" s="7" customFormat="1" x14ac:dyDescent="0.4">
      <c r="AE274" s="13"/>
      <c r="AF274" s="13"/>
    </row>
    <row r="275" spans="31:32" s="7" customFormat="1" x14ac:dyDescent="0.4">
      <c r="AE275" s="13"/>
      <c r="AF275" s="13"/>
    </row>
    <row r="276" spans="31:32" s="7" customFormat="1" x14ac:dyDescent="0.4">
      <c r="AE276" s="13"/>
      <c r="AF276" s="13"/>
    </row>
    <row r="277" spans="31:32" s="7" customFormat="1" x14ac:dyDescent="0.4">
      <c r="AE277" s="13"/>
      <c r="AF277" s="13"/>
    </row>
    <row r="278" spans="31:32" s="7" customFormat="1" x14ac:dyDescent="0.4">
      <c r="AE278" s="13"/>
      <c r="AF278" s="13"/>
    </row>
    <row r="279" spans="31:32" s="7" customFormat="1" x14ac:dyDescent="0.4">
      <c r="AE279" s="13"/>
      <c r="AF279" s="13"/>
    </row>
    <row r="280" spans="31:32" s="7" customFormat="1" x14ac:dyDescent="0.4">
      <c r="AE280" s="13"/>
      <c r="AF280" s="13"/>
    </row>
    <row r="281" spans="31:32" s="7" customFormat="1" x14ac:dyDescent="0.4">
      <c r="AE281" s="13"/>
      <c r="AF281" s="13"/>
    </row>
    <row r="282" spans="31:32" s="7" customFormat="1" x14ac:dyDescent="0.4">
      <c r="AE282" s="13"/>
      <c r="AF282" s="13"/>
    </row>
    <row r="283" spans="31:32" s="7" customFormat="1" x14ac:dyDescent="0.4">
      <c r="AE283" s="13"/>
      <c r="AF283" s="13"/>
    </row>
    <row r="284" spans="31:32" s="7" customFormat="1" x14ac:dyDescent="0.4">
      <c r="AE284" s="13"/>
      <c r="AF284" s="13"/>
    </row>
    <row r="285" spans="31:32" s="7" customFormat="1" x14ac:dyDescent="0.4">
      <c r="AE285" s="13"/>
      <c r="AF285" s="13"/>
    </row>
    <row r="286" spans="31:32" s="7" customFormat="1" x14ac:dyDescent="0.4">
      <c r="AE286" s="13"/>
      <c r="AF286" s="13"/>
    </row>
    <row r="287" spans="31:32" s="7" customFormat="1" x14ac:dyDescent="0.4">
      <c r="AE287" s="13"/>
      <c r="AF287" s="13"/>
    </row>
    <row r="288" spans="31:32" s="7" customFormat="1" x14ac:dyDescent="0.4">
      <c r="AE288" s="13"/>
      <c r="AF288" s="13"/>
    </row>
    <row r="289" spans="31:32" s="7" customFormat="1" x14ac:dyDescent="0.4">
      <c r="AE289" s="13"/>
      <c r="AF289" s="13"/>
    </row>
    <row r="290" spans="31:32" s="7" customFormat="1" x14ac:dyDescent="0.4">
      <c r="AE290" s="13"/>
      <c r="AF290" s="13"/>
    </row>
    <row r="291" spans="31:32" s="7" customFormat="1" x14ac:dyDescent="0.4">
      <c r="AE291" s="13"/>
      <c r="AF291" s="13"/>
    </row>
    <row r="292" spans="31:32" s="7" customFormat="1" x14ac:dyDescent="0.4">
      <c r="AE292" s="13"/>
      <c r="AF292" s="13"/>
    </row>
    <row r="293" spans="31:32" s="7" customFormat="1" x14ac:dyDescent="0.4">
      <c r="AE293" s="13"/>
      <c r="AF293" s="13"/>
    </row>
    <row r="294" spans="31:32" s="7" customFormat="1" x14ac:dyDescent="0.4">
      <c r="AE294" s="13"/>
      <c r="AF294" s="13"/>
    </row>
    <row r="295" spans="31:32" s="7" customFormat="1" x14ac:dyDescent="0.4">
      <c r="AE295" s="13"/>
      <c r="AF295" s="13"/>
    </row>
    <row r="296" spans="31:32" s="7" customFormat="1" x14ac:dyDescent="0.4">
      <c r="AE296" s="13"/>
      <c r="AF296" s="13"/>
    </row>
    <row r="297" spans="31:32" s="7" customFormat="1" x14ac:dyDescent="0.4">
      <c r="AE297" s="13"/>
      <c r="AF297" s="13"/>
    </row>
    <row r="298" spans="31:32" s="7" customFormat="1" x14ac:dyDescent="0.4">
      <c r="AE298" s="13"/>
      <c r="AF298" s="13"/>
    </row>
    <row r="299" spans="31:32" s="7" customFormat="1" x14ac:dyDescent="0.4">
      <c r="AE299" s="13"/>
      <c r="AF299" s="13"/>
    </row>
    <row r="300" spans="31:32" s="7" customFormat="1" x14ac:dyDescent="0.4">
      <c r="AE300" s="13"/>
      <c r="AF300" s="13"/>
    </row>
    <row r="301" spans="31:32" s="7" customFormat="1" x14ac:dyDescent="0.4">
      <c r="AE301" s="13"/>
      <c r="AF301" s="13"/>
    </row>
    <row r="302" spans="31:32" s="7" customFormat="1" x14ac:dyDescent="0.4">
      <c r="AE302" s="13"/>
      <c r="AF302" s="13"/>
    </row>
    <row r="303" spans="31:32" s="7" customFormat="1" x14ac:dyDescent="0.4">
      <c r="AE303" s="13"/>
      <c r="AF303" s="13"/>
    </row>
    <row r="304" spans="31:32" s="7" customFormat="1" x14ac:dyDescent="0.4">
      <c r="AE304" s="13"/>
      <c r="AF304" s="13"/>
    </row>
    <row r="305" spans="31:32" s="7" customFormat="1" x14ac:dyDescent="0.4">
      <c r="AE305" s="13"/>
      <c r="AF305" s="13"/>
    </row>
    <row r="306" spans="31:32" s="7" customFormat="1" x14ac:dyDescent="0.4">
      <c r="AE306" s="13"/>
      <c r="AF306" s="13"/>
    </row>
    <row r="307" spans="31:32" s="7" customFormat="1" x14ac:dyDescent="0.4">
      <c r="AE307" s="13"/>
      <c r="AF307" s="13"/>
    </row>
    <row r="308" spans="31:32" s="7" customFormat="1" x14ac:dyDescent="0.4">
      <c r="AE308" s="13"/>
      <c r="AF308" s="13"/>
    </row>
    <row r="309" spans="31:32" s="7" customFormat="1" x14ac:dyDescent="0.4">
      <c r="AE309" s="13"/>
      <c r="AF309" s="13"/>
    </row>
    <row r="310" spans="31:32" s="7" customFormat="1" x14ac:dyDescent="0.4">
      <c r="AE310" s="13"/>
      <c r="AF310" s="13"/>
    </row>
    <row r="311" spans="31:32" s="7" customFormat="1" x14ac:dyDescent="0.4">
      <c r="AE311" s="13"/>
      <c r="AF311" s="13"/>
    </row>
    <row r="312" spans="31:32" s="7" customFormat="1" x14ac:dyDescent="0.4">
      <c r="AE312" s="13"/>
      <c r="AF312" s="13"/>
    </row>
    <row r="313" spans="31:32" s="7" customFormat="1" x14ac:dyDescent="0.4">
      <c r="AE313" s="13"/>
      <c r="AF313" s="13"/>
    </row>
    <row r="314" spans="31:32" s="7" customFormat="1" x14ac:dyDescent="0.4">
      <c r="AE314" s="13"/>
      <c r="AF314" s="13"/>
    </row>
    <row r="315" spans="31:32" s="7" customFormat="1" x14ac:dyDescent="0.4">
      <c r="AE315" s="13"/>
      <c r="AF315" s="13"/>
    </row>
    <row r="316" spans="31:32" s="7" customFormat="1" x14ac:dyDescent="0.4">
      <c r="AE316" s="13"/>
      <c r="AF316" s="13"/>
    </row>
    <row r="317" spans="31:32" s="7" customFormat="1" x14ac:dyDescent="0.4">
      <c r="AE317" s="13"/>
      <c r="AF317" s="13"/>
    </row>
    <row r="318" spans="31:32" s="7" customFormat="1" x14ac:dyDescent="0.4">
      <c r="AE318" s="13"/>
      <c r="AF318" s="13"/>
    </row>
    <row r="319" spans="31:32" s="7" customFormat="1" x14ac:dyDescent="0.4">
      <c r="AE319" s="13"/>
      <c r="AF319" s="13"/>
    </row>
    <row r="320" spans="31:32" s="7" customFormat="1" x14ac:dyDescent="0.4">
      <c r="AE320" s="13"/>
      <c r="AF320" s="13"/>
    </row>
    <row r="321" spans="31:32" s="7" customFormat="1" x14ac:dyDescent="0.4">
      <c r="AE321" s="13"/>
      <c r="AF321" s="13"/>
    </row>
    <row r="322" spans="31:32" s="7" customFormat="1" x14ac:dyDescent="0.4">
      <c r="AE322" s="13"/>
      <c r="AF322" s="13"/>
    </row>
    <row r="323" spans="31:32" s="7" customFormat="1" x14ac:dyDescent="0.4">
      <c r="AE323" s="13"/>
      <c r="AF323" s="13"/>
    </row>
    <row r="324" spans="31:32" s="7" customFormat="1" x14ac:dyDescent="0.4">
      <c r="AE324" s="13"/>
      <c r="AF324" s="13"/>
    </row>
    <row r="325" spans="31:32" s="7" customFormat="1" x14ac:dyDescent="0.4">
      <c r="AE325" s="13"/>
      <c r="AF325" s="13"/>
    </row>
    <row r="326" spans="31:32" s="7" customFormat="1" x14ac:dyDescent="0.4">
      <c r="AE326" s="13"/>
      <c r="AF326" s="13"/>
    </row>
    <row r="327" spans="31:32" s="7" customFormat="1" x14ac:dyDescent="0.4">
      <c r="AE327" s="13"/>
      <c r="AF327" s="13"/>
    </row>
    <row r="328" spans="31:32" s="7" customFormat="1" x14ac:dyDescent="0.4">
      <c r="AE328" s="13"/>
      <c r="AF328" s="13"/>
    </row>
    <row r="329" spans="31:32" s="7" customFormat="1" x14ac:dyDescent="0.4">
      <c r="AE329" s="13"/>
      <c r="AF329" s="13"/>
    </row>
    <row r="330" spans="31:32" s="7" customFormat="1" x14ac:dyDescent="0.4">
      <c r="AE330" s="13"/>
      <c r="AF330" s="13"/>
    </row>
    <row r="331" spans="31:32" s="7" customFormat="1" x14ac:dyDescent="0.4">
      <c r="AE331" s="13"/>
      <c r="AF331" s="13"/>
    </row>
    <row r="332" spans="31:32" s="7" customFormat="1" x14ac:dyDescent="0.4">
      <c r="AE332" s="13"/>
      <c r="AF332" s="13"/>
    </row>
    <row r="333" spans="31:32" s="7" customFormat="1" x14ac:dyDescent="0.4">
      <c r="AE333" s="13"/>
      <c r="AF333" s="13"/>
    </row>
    <row r="334" spans="31:32" s="7" customFormat="1" x14ac:dyDescent="0.4">
      <c r="AE334" s="13"/>
      <c r="AF334" s="13"/>
    </row>
    <row r="335" spans="31:32" s="7" customFormat="1" x14ac:dyDescent="0.4">
      <c r="AE335" s="13"/>
      <c r="AF335" s="13"/>
    </row>
    <row r="336" spans="31:32" s="7" customFormat="1" x14ac:dyDescent="0.4">
      <c r="AE336" s="13"/>
      <c r="AF336" s="13"/>
    </row>
    <row r="337" spans="31:32" s="7" customFormat="1" x14ac:dyDescent="0.4">
      <c r="AE337" s="13"/>
      <c r="AF337" s="13"/>
    </row>
    <row r="338" spans="31:32" s="7" customFormat="1" x14ac:dyDescent="0.4">
      <c r="AE338" s="13"/>
      <c r="AF338" s="13"/>
    </row>
    <row r="339" spans="31:32" s="7" customFormat="1" x14ac:dyDescent="0.4">
      <c r="AE339" s="13"/>
      <c r="AF339" s="13"/>
    </row>
    <row r="340" spans="31:32" s="7" customFormat="1" x14ac:dyDescent="0.4">
      <c r="AE340" s="13"/>
      <c r="AF340" s="13"/>
    </row>
    <row r="341" spans="31:32" s="7" customFormat="1" x14ac:dyDescent="0.4">
      <c r="AE341" s="13"/>
      <c r="AF341" s="13"/>
    </row>
    <row r="342" spans="31:32" s="7" customFormat="1" x14ac:dyDescent="0.4">
      <c r="AE342" s="13"/>
      <c r="AF342" s="13"/>
    </row>
    <row r="343" spans="31:32" s="7" customFormat="1" x14ac:dyDescent="0.4">
      <c r="AE343" s="13"/>
      <c r="AF343" s="13"/>
    </row>
    <row r="344" spans="31:32" s="7" customFormat="1" x14ac:dyDescent="0.4">
      <c r="AE344" s="13"/>
      <c r="AF344" s="13"/>
    </row>
    <row r="345" spans="31:32" s="7" customFormat="1" x14ac:dyDescent="0.4">
      <c r="AE345" s="13"/>
      <c r="AF345" s="13"/>
    </row>
    <row r="346" spans="31:32" s="7" customFormat="1" x14ac:dyDescent="0.4">
      <c r="AE346" s="13"/>
      <c r="AF346" s="13"/>
    </row>
    <row r="347" spans="31:32" s="7" customFormat="1" x14ac:dyDescent="0.4">
      <c r="AE347" s="13"/>
      <c r="AF347" s="13"/>
    </row>
    <row r="348" spans="31:32" s="7" customFormat="1" x14ac:dyDescent="0.4">
      <c r="AE348" s="13"/>
      <c r="AF348" s="13"/>
    </row>
    <row r="349" spans="31:32" s="7" customFormat="1" x14ac:dyDescent="0.4">
      <c r="AE349" s="13"/>
      <c r="AF349" s="13"/>
    </row>
    <row r="350" spans="31:32" s="7" customFormat="1" x14ac:dyDescent="0.4">
      <c r="AE350" s="13"/>
      <c r="AF350" s="13"/>
    </row>
    <row r="351" spans="31:32" s="7" customFormat="1" x14ac:dyDescent="0.4">
      <c r="AE351" s="13"/>
      <c r="AF351" s="13"/>
    </row>
    <row r="352" spans="31:32" s="7" customFormat="1" x14ac:dyDescent="0.4">
      <c r="AE352" s="13"/>
      <c r="AF352" s="13"/>
    </row>
    <row r="353" spans="31:32" s="7" customFormat="1" x14ac:dyDescent="0.4">
      <c r="AE353" s="13"/>
      <c r="AF353" s="13"/>
    </row>
    <row r="354" spans="31:32" s="7" customFormat="1" x14ac:dyDescent="0.4">
      <c r="AE354" s="13"/>
      <c r="AF354" s="13"/>
    </row>
    <row r="355" spans="31:32" s="7" customFormat="1" x14ac:dyDescent="0.4">
      <c r="AE355" s="13"/>
      <c r="AF355" s="13"/>
    </row>
    <row r="356" spans="31:32" s="7" customFormat="1" x14ac:dyDescent="0.4">
      <c r="AE356" s="13"/>
      <c r="AF356" s="13"/>
    </row>
    <row r="357" spans="31:32" s="7" customFormat="1" x14ac:dyDescent="0.4">
      <c r="AE357" s="13"/>
      <c r="AF357" s="13"/>
    </row>
    <row r="358" spans="31:32" s="7" customFormat="1" x14ac:dyDescent="0.4">
      <c r="AE358" s="13"/>
      <c r="AF358" s="13"/>
    </row>
    <row r="359" spans="31:32" s="7" customFormat="1" x14ac:dyDescent="0.4">
      <c r="AE359" s="13"/>
      <c r="AF359" s="13"/>
    </row>
    <row r="360" spans="31:32" s="7" customFormat="1" x14ac:dyDescent="0.4">
      <c r="AE360" s="13"/>
      <c r="AF360" s="13"/>
    </row>
    <row r="361" spans="31:32" s="7" customFormat="1" x14ac:dyDescent="0.4">
      <c r="AE361" s="13"/>
      <c r="AF361" s="13"/>
    </row>
    <row r="362" spans="31:32" s="7" customFormat="1" x14ac:dyDescent="0.4">
      <c r="AE362" s="13"/>
      <c r="AF362" s="13"/>
    </row>
    <row r="363" spans="31:32" s="7" customFormat="1" x14ac:dyDescent="0.4">
      <c r="AE363" s="13"/>
      <c r="AF363" s="13"/>
    </row>
    <row r="364" spans="31:32" s="7" customFormat="1" x14ac:dyDescent="0.4">
      <c r="AE364" s="13"/>
      <c r="AF364" s="13"/>
    </row>
    <row r="365" spans="31:32" s="7" customFormat="1" x14ac:dyDescent="0.4">
      <c r="AE365" s="13"/>
      <c r="AF365" s="13"/>
    </row>
    <row r="366" spans="31:32" s="7" customFormat="1" x14ac:dyDescent="0.4">
      <c r="AE366" s="13"/>
      <c r="AF366" s="13"/>
    </row>
    <row r="367" spans="31:32" s="7" customFormat="1" x14ac:dyDescent="0.4">
      <c r="AE367" s="13"/>
      <c r="AF367" s="13"/>
    </row>
    <row r="368" spans="31:32" s="7" customFormat="1" x14ac:dyDescent="0.4">
      <c r="AE368" s="13"/>
      <c r="AF368" s="13"/>
    </row>
    <row r="369" spans="31:32" s="7" customFormat="1" x14ac:dyDescent="0.4">
      <c r="AE369" s="13"/>
      <c r="AF369" s="13"/>
    </row>
    <row r="370" spans="31:32" s="7" customFormat="1" x14ac:dyDescent="0.4">
      <c r="AE370" s="13"/>
      <c r="AF370" s="13"/>
    </row>
    <row r="371" spans="31:32" s="7" customFormat="1" x14ac:dyDescent="0.4">
      <c r="AE371" s="13"/>
      <c r="AF371" s="13"/>
    </row>
    <row r="372" spans="31:32" s="7" customFormat="1" x14ac:dyDescent="0.4">
      <c r="AE372" s="13"/>
      <c r="AF372" s="13"/>
    </row>
    <row r="373" spans="31:32" s="7" customFormat="1" x14ac:dyDescent="0.4">
      <c r="AE373" s="13"/>
      <c r="AF373" s="13"/>
    </row>
    <row r="374" spans="31:32" s="7" customFormat="1" x14ac:dyDescent="0.4">
      <c r="AE374" s="13"/>
      <c r="AF374" s="13"/>
    </row>
    <row r="375" spans="31:32" s="7" customFormat="1" x14ac:dyDescent="0.4">
      <c r="AE375" s="13"/>
      <c r="AF375" s="13"/>
    </row>
    <row r="376" spans="31:32" s="7" customFormat="1" x14ac:dyDescent="0.4">
      <c r="AE376" s="13"/>
      <c r="AF376" s="13"/>
    </row>
    <row r="377" spans="31:32" s="7" customFormat="1" x14ac:dyDescent="0.4">
      <c r="AE377" s="13"/>
      <c r="AF377" s="13"/>
    </row>
    <row r="378" spans="31:32" s="7" customFormat="1" x14ac:dyDescent="0.4">
      <c r="AE378" s="13"/>
      <c r="AF378" s="13"/>
    </row>
    <row r="379" spans="31:32" s="7" customFormat="1" x14ac:dyDescent="0.4">
      <c r="AE379" s="13"/>
      <c r="AF379" s="13"/>
    </row>
    <row r="380" spans="31:32" s="7" customFormat="1" x14ac:dyDescent="0.4">
      <c r="AE380" s="13"/>
      <c r="AF380" s="13"/>
    </row>
    <row r="381" spans="31:32" s="7" customFormat="1" x14ac:dyDescent="0.4">
      <c r="AE381" s="13"/>
      <c r="AF381" s="13"/>
    </row>
    <row r="382" spans="31:32" s="7" customFormat="1" x14ac:dyDescent="0.4">
      <c r="AE382" s="13"/>
      <c r="AF382" s="13"/>
    </row>
    <row r="383" spans="31:32" s="7" customFormat="1" x14ac:dyDescent="0.4">
      <c r="AE383" s="13"/>
      <c r="AF383" s="13"/>
    </row>
    <row r="384" spans="31:32" s="7" customFormat="1" x14ac:dyDescent="0.4">
      <c r="AE384" s="13"/>
      <c r="AF384" s="13"/>
    </row>
    <row r="385" spans="31:32" s="7" customFormat="1" x14ac:dyDescent="0.4">
      <c r="AE385" s="13"/>
      <c r="AF385" s="13"/>
    </row>
    <row r="386" spans="31:32" s="7" customFormat="1" x14ac:dyDescent="0.4">
      <c r="AE386" s="13"/>
      <c r="AF386" s="13"/>
    </row>
    <row r="387" spans="31:32" s="7" customFormat="1" x14ac:dyDescent="0.4">
      <c r="AE387" s="13"/>
      <c r="AF387" s="13"/>
    </row>
    <row r="388" spans="31:32" s="7" customFormat="1" x14ac:dyDescent="0.4">
      <c r="AE388" s="13"/>
      <c r="AF388" s="13"/>
    </row>
    <row r="389" spans="31:32" s="7" customFormat="1" x14ac:dyDescent="0.4">
      <c r="AE389" s="13"/>
      <c r="AF389" s="13"/>
    </row>
    <row r="390" spans="31:32" s="7" customFormat="1" x14ac:dyDescent="0.4">
      <c r="AE390" s="13"/>
      <c r="AF390" s="13"/>
    </row>
    <row r="391" spans="31:32" s="7" customFormat="1" x14ac:dyDescent="0.4">
      <c r="AE391" s="13"/>
      <c r="AF391" s="13"/>
    </row>
    <row r="392" spans="31:32" s="7" customFormat="1" x14ac:dyDescent="0.4">
      <c r="AE392" s="13"/>
      <c r="AF392" s="13"/>
    </row>
    <row r="393" spans="31:32" s="7" customFormat="1" x14ac:dyDescent="0.4">
      <c r="AE393" s="13"/>
      <c r="AF393" s="13"/>
    </row>
    <row r="394" spans="31:32" s="7" customFormat="1" x14ac:dyDescent="0.4">
      <c r="AE394" s="13"/>
      <c r="AF394" s="13"/>
    </row>
    <row r="395" spans="31:32" s="7" customFormat="1" x14ac:dyDescent="0.4">
      <c r="AE395" s="13"/>
      <c r="AF395" s="13"/>
    </row>
    <row r="396" spans="31:32" s="7" customFormat="1" x14ac:dyDescent="0.4">
      <c r="AE396" s="13"/>
      <c r="AF396" s="13"/>
    </row>
    <row r="397" spans="31:32" s="7" customFormat="1" x14ac:dyDescent="0.4">
      <c r="AE397" s="13"/>
      <c r="AF397" s="13"/>
    </row>
    <row r="398" spans="31:32" s="7" customFormat="1" x14ac:dyDescent="0.4">
      <c r="AE398" s="13"/>
      <c r="AF398" s="13"/>
    </row>
    <row r="399" spans="31:32" s="7" customFormat="1" x14ac:dyDescent="0.4">
      <c r="AE399" s="13"/>
      <c r="AF399" s="13"/>
    </row>
    <row r="400" spans="31:32" s="7" customFormat="1" x14ac:dyDescent="0.4">
      <c r="AE400" s="13"/>
      <c r="AF400" s="13"/>
    </row>
    <row r="401" spans="31:32" s="7" customFormat="1" x14ac:dyDescent="0.4">
      <c r="AE401" s="13"/>
      <c r="AF401" s="13"/>
    </row>
    <row r="402" spans="31:32" s="7" customFormat="1" x14ac:dyDescent="0.4">
      <c r="AE402" s="13"/>
      <c r="AF402" s="13"/>
    </row>
    <row r="403" spans="31:32" s="7" customFormat="1" x14ac:dyDescent="0.4">
      <c r="AE403" s="13"/>
      <c r="AF403" s="13"/>
    </row>
    <row r="404" spans="31:32" s="7" customFormat="1" x14ac:dyDescent="0.4">
      <c r="AE404" s="13"/>
      <c r="AF404" s="13"/>
    </row>
    <row r="405" spans="31:32" s="7" customFormat="1" x14ac:dyDescent="0.4">
      <c r="AE405" s="13"/>
      <c r="AF405" s="13"/>
    </row>
    <row r="406" spans="31:32" s="7" customFormat="1" x14ac:dyDescent="0.4">
      <c r="AE406" s="13"/>
      <c r="AF406" s="13"/>
    </row>
    <row r="407" spans="31:32" s="7" customFormat="1" x14ac:dyDescent="0.4">
      <c r="AE407" s="13"/>
      <c r="AF407" s="13"/>
    </row>
    <row r="408" spans="31:32" s="7" customFormat="1" x14ac:dyDescent="0.4">
      <c r="AE408" s="13"/>
      <c r="AF408" s="13"/>
    </row>
    <row r="409" spans="31:32" s="7" customFormat="1" x14ac:dyDescent="0.4">
      <c r="AE409" s="13"/>
      <c r="AF409" s="13"/>
    </row>
    <row r="410" spans="31:32" s="7" customFormat="1" x14ac:dyDescent="0.4">
      <c r="AE410" s="13"/>
      <c r="AF410" s="13"/>
    </row>
    <row r="411" spans="31:32" s="7" customFormat="1" x14ac:dyDescent="0.4">
      <c r="AE411" s="13"/>
      <c r="AF411" s="13"/>
    </row>
    <row r="412" spans="31:32" s="7" customFormat="1" x14ac:dyDescent="0.4">
      <c r="AE412" s="13"/>
      <c r="AF412" s="13"/>
    </row>
    <row r="413" spans="31:32" s="7" customFormat="1" x14ac:dyDescent="0.4">
      <c r="AE413" s="13"/>
      <c r="AF413" s="13"/>
    </row>
    <row r="414" spans="31:32" s="7" customFormat="1" x14ac:dyDescent="0.4">
      <c r="AE414" s="13"/>
      <c r="AF414" s="13"/>
    </row>
    <row r="415" spans="31:32" s="7" customFormat="1" x14ac:dyDescent="0.4">
      <c r="AE415" s="13"/>
      <c r="AF415" s="13"/>
    </row>
    <row r="416" spans="31:32" s="7" customFormat="1" x14ac:dyDescent="0.4">
      <c r="AE416" s="13"/>
      <c r="AF416" s="13"/>
    </row>
    <row r="417" spans="31:32" s="7" customFormat="1" x14ac:dyDescent="0.4">
      <c r="AE417" s="13"/>
      <c r="AF417" s="13"/>
    </row>
    <row r="418" spans="31:32" s="7" customFormat="1" x14ac:dyDescent="0.4">
      <c r="AE418" s="13"/>
      <c r="AF418" s="13"/>
    </row>
    <row r="419" spans="31:32" s="7" customFormat="1" x14ac:dyDescent="0.4">
      <c r="AE419" s="13"/>
      <c r="AF419" s="13"/>
    </row>
    <row r="420" spans="31:32" s="7" customFormat="1" x14ac:dyDescent="0.4">
      <c r="AE420" s="13"/>
      <c r="AF420" s="13"/>
    </row>
    <row r="421" spans="31:32" s="7" customFormat="1" x14ac:dyDescent="0.4">
      <c r="AE421" s="13"/>
      <c r="AF421" s="13"/>
    </row>
    <row r="422" spans="31:32" s="7" customFormat="1" x14ac:dyDescent="0.4">
      <c r="AE422" s="13"/>
      <c r="AF422" s="13"/>
    </row>
    <row r="423" spans="31:32" s="7" customFormat="1" x14ac:dyDescent="0.4">
      <c r="AE423" s="13"/>
      <c r="AF423" s="13"/>
    </row>
    <row r="424" spans="31:32" s="7" customFormat="1" x14ac:dyDescent="0.4">
      <c r="AE424" s="13"/>
      <c r="AF424" s="13"/>
    </row>
    <row r="425" spans="31:32" s="7" customFormat="1" x14ac:dyDescent="0.4">
      <c r="AE425" s="13"/>
      <c r="AF425" s="13"/>
    </row>
    <row r="426" spans="31:32" s="7" customFormat="1" x14ac:dyDescent="0.4">
      <c r="AE426" s="13"/>
      <c r="AF426" s="13"/>
    </row>
    <row r="427" spans="31:32" s="7" customFormat="1" x14ac:dyDescent="0.4">
      <c r="AE427" s="13"/>
      <c r="AF427" s="13"/>
    </row>
    <row r="428" spans="31:32" s="7" customFormat="1" x14ac:dyDescent="0.4">
      <c r="AE428" s="13"/>
      <c r="AF428" s="13"/>
    </row>
    <row r="429" spans="31:32" s="7" customFormat="1" x14ac:dyDescent="0.4">
      <c r="AE429" s="13"/>
      <c r="AF429" s="13"/>
    </row>
    <row r="430" spans="31:32" s="7" customFormat="1" x14ac:dyDescent="0.4">
      <c r="AE430" s="13"/>
      <c r="AF430" s="13"/>
    </row>
    <row r="431" spans="31:32" s="7" customFormat="1" x14ac:dyDescent="0.4">
      <c r="AE431" s="13"/>
      <c r="AF431" s="13"/>
    </row>
    <row r="432" spans="31:32" s="7" customFormat="1" x14ac:dyDescent="0.4">
      <c r="AE432" s="13"/>
      <c r="AF432" s="13"/>
    </row>
    <row r="433" spans="31:32" s="7" customFormat="1" x14ac:dyDescent="0.4">
      <c r="AE433" s="13"/>
      <c r="AF433" s="13"/>
    </row>
    <row r="434" spans="31:32" s="7" customFormat="1" x14ac:dyDescent="0.4">
      <c r="AE434" s="13"/>
      <c r="AF434" s="13"/>
    </row>
    <row r="435" spans="31:32" s="7" customFormat="1" x14ac:dyDescent="0.4">
      <c r="AE435" s="13"/>
      <c r="AF435" s="13"/>
    </row>
    <row r="436" spans="31:32" s="7" customFormat="1" x14ac:dyDescent="0.4">
      <c r="AE436" s="13"/>
      <c r="AF436" s="13"/>
    </row>
    <row r="437" spans="31:32" s="7" customFormat="1" x14ac:dyDescent="0.4">
      <c r="AE437" s="13"/>
      <c r="AF437" s="13"/>
    </row>
    <row r="438" spans="31:32" s="7" customFormat="1" x14ac:dyDescent="0.4">
      <c r="AE438" s="13"/>
      <c r="AF438" s="13"/>
    </row>
    <row r="439" spans="31:32" s="7" customFormat="1" x14ac:dyDescent="0.4">
      <c r="AE439" s="13"/>
      <c r="AF439" s="13"/>
    </row>
    <row r="440" spans="31:32" s="7" customFormat="1" x14ac:dyDescent="0.4">
      <c r="AE440" s="13"/>
      <c r="AF440" s="13"/>
    </row>
    <row r="441" spans="31:32" s="7" customFormat="1" x14ac:dyDescent="0.4">
      <c r="AE441" s="13"/>
      <c r="AF441" s="13"/>
    </row>
    <row r="442" spans="31:32" s="7" customFormat="1" x14ac:dyDescent="0.4">
      <c r="AE442" s="13"/>
      <c r="AF442" s="13"/>
    </row>
    <row r="443" spans="31:32" s="7" customFormat="1" x14ac:dyDescent="0.4">
      <c r="AE443" s="13"/>
      <c r="AF443" s="13"/>
    </row>
    <row r="444" spans="31:32" s="7" customFormat="1" x14ac:dyDescent="0.4">
      <c r="AE444" s="13"/>
      <c r="AF444" s="13"/>
    </row>
    <row r="445" spans="31:32" s="7" customFormat="1" x14ac:dyDescent="0.4">
      <c r="AE445" s="13"/>
      <c r="AF445" s="13"/>
    </row>
    <row r="446" spans="31:32" s="7" customFormat="1" x14ac:dyDescent="0.4">
      <c r="AE446" s="13"/>
      <c r="AF446" s="13"/>
    </row>
    <row r="447" spans="31:32" s="7" customFormat="1" x14ac:dyDescent="0.4">
      <c r="AE447" s="13"/>
      <c r="AF447" s="13"/>
    </row>
    <row r="448" spans="31:32" s="7" customFormat="1" x14ac:dyDescent="0.4">
      <c r="AE448" s="13"/>
      <c r="AF448" s="13"/>
    </row>
    <row r="449" spans="31:32" s="7" customFormat="1" x14ac:dyDescent="0.4">
      <c r="AE449" s="13"/>
      <c r="AF449" s="13"/>
    </row>
    <row r="450" spans="31:32" s="7" customFormat="1" x14ac:dyDescent="0.4">
      <c r="AE450" s="13"/>
      <c r="AF450" s="13"/>
    </row>
    <row r="451" spans="31:32" s="7" customFormat="1" x14ac:dyDescent="0.4">
      <c r="AE451" s="13"/>
      <c r="AF451" s="13"/>
    </row>
    <row r="452" spans="31:32" s="7" customFormat="1" x14ac:dyDescent="0.4">
      <c r="AE452" s="13"/>
      <c r="AF452" s="13"/>
    </row>
    <row r="453" spans="31:32" s="7" customFormat="1" x14ac:dyDescent="0.4">
      <c r="AE453" s="13"/>
      <c r="AF453" s="13"/>
    </row>
    <row r="454" spans="31:32" s="7" customFormat="1" x14ac:dyDescent="0.4">
      <c r="AE454" s="13"/>
      <c r="AF454" s="13"/>
    </row>
    <row r="455" spans="31:32" s="7" customFormat="1" x14ac:dyDescent="0.4">
      <c r="AE455" s="13"/>
      <c r="AF455" s="13"/>
    </row>
    <row r="456" spans="31:32" s="7" customFormat="1" x14ac:dyDescent="0.4">
      <c r="AE456" s="13"/>
      <c r="AF456" s="13"/>
    </row>
    <row r="457" spans="31:32" s="7" customFormat="1" x14ac:dyDescent="0.4">
      <c r="AE457" s="13"/>
      <c r="AF457" s="13"/>
    </row>
    <row r="458" spans="31:32" s="7" customFormat="1" x14ac:dyDescent="0.4">
      <c r="AE458" s="13"/>
      <c r="AF458" s="13"/>
    </row>
    <row r="459" spans="31:32" s="7" customFormat="1" x14ac:dyDescent="0.4">
      <c r="AE459" s="13"/>
      <c r="AF459" s="13"/>
    </row>
    <row r="460" spans="31:32" s="7" customFormat="1" x14ac:dyDescent="0.4">
      <c r="AE460" s="13"/>
      <c r="AF460" s="13"/>
    </row>
    <row r="461" spans="31:32" s="7" customFormat="1" x14ac:dyDescent="0.4">
      <c r="AE461" s="13"/>
      <c r="AF461" s="13"/>
    </row>
    <row r="462" spans="31:32" s="7" customFormat="1" x14ac:dyDescent="0.4">
      <c r="AE462" s="13"/>
      <c r="AF462" s="13"/>
    </row>
    <row r="463" spans="31:32" s="7" customFormat="1" x14ac:dyDescent="0.4">
      <c r="AE463" s="13"/>
      <c r="AF463" s="13"/>
    </row>
    <row r="464" spans="31:32" s="7" customFormat="1" x14ac:dyDescent="0.4">
      <c r="AE464" s="13"/>
      <c r="AF464" s="13"/>
    </row>
    <row r="465" spans="31:32" s="7" customFormat="1" x14ac:dyDescent="0.4">
      <c r="AE465" s="13"/>
      <c r="AF465" s="13"/>
    </row>
    <row r="466" spans="31:32" s="7" customFormat="1" x14ac:dyDescent="0.4">
      <c r="AE466" s="13"/>
      <c r="AF466" s="13"/>
    </row>
    <row r="467" spans="31:32" s="7" customFormat="1" x14ac:dyDescent="0.4">
      <c r="AE467" s="13"/>
      <c r="AF467" s="13"/>
    </row>
    <row r="468" spans="31:32" s="7" customFormat="1" x14ac:dyDescent="0.4">
      <c r="AE468" s="13"/>
      <c r="AF468" s="13"/>
    </row>
    <row r="469" spans="31:32" s="7" customFormat="1" x14ac:dyDescent="0.4">
      <c r="AE469" s="13"/>
      <c r="AF469" s="13"/>
    </row>
    <row r="470" spans="31:32" s="7" customFormat="1" x14ac:dyDescent="0.4">
      <c r="AE470" s="13"/>
      <c r="AF470" s="13"/>
    </row>
    <row r="471" spans="31:32" s="7" customFormat="1" x14ac:dyDescent="0.4">
      <c r="AE471" s="13"/>
      <c r="AF471" s="13"/>
    </row>
    <row r="472" spans="31:32" s="7" customFormat="1" x14ac:dyDescent="0.4">
      <c r="AE472" s="13"/>
      <c r="AF472" s="13"/>
    </row>
    <row r="473" spans="31:32" s="7" customFormat="1" x14ac:dyDescent="0.4">
      <c r="AE473" s="13"/>
      <c r="AF473" s="13"/>
    </row>
    <row r="474" spans="31:32" s="7" customFormat="1" x14ac:dyDescent="0.4">
      <c r="AE474" s="13"/>
      <c r="AF474" s="13"/>
    </row>
    <row r="475" spans="31:32" s="7" customFormat="1" x14ac:dyDescent="0.4">
      <c r="AE475" s="13"/>
      <c r="AF475" s="13"/>
    </row>
    <row r="476" spans="31:32" s="7" customFormat="1" x14ac:dyDescent="0.4">
      <c r="AE476" s="13"/>
      <c r="AF476" s="13"/>
    </row>
    <row r="477" spans="31:32" s="7" customFormat="1" x14ac:dyDescent="0.4">
      <c r="AE477" s="13"/>
      <c r="AF477" s="13"/>
    </row>
    <row r="478" spans="31:32" s="7" customFormat="1" x14ac:dyDescent="0.4">
      <c r="AE478" s="13"/>
      <c r="AF478" s="13"/>
    </row>
    <row r="479" spans="31:32" s="7" customFormat="1" x14ac:dyDescent="0.4">
      <c r="AE479" s="13"/>
      <c r="AF479" s="13"/>
    </row>
    <row r="480" spans="31:32" s="7" customFormat="1" x14ac:dyDescent="0.4">
      <c r="AE480" s="13"/>
      <c r="AF480" s="13"/>
    </row>
    <row r="481" spans="31:32" s="7" customFormat="1" x14ac:dyDescent="0.4">
      <c r="AE481" s="13"/>
      <c r="AF481" s="13"/>
    </row>
    <row r="482" spans="31:32" s="7" customFormat="1" x14ac:dyDescent="0.4">
      <c r="AE482" s="13"/>
      <c r="AF482" s="13"/>
    </row>
    <row r="483" spans="31:32" s="7" customFormat="1" x14ac:dyDescent="0.4">
      <c r="AE483" s="13"/>
      <c r="AF483" s="13"/>
    </row>
    <row r="484" spans="31:32" s="7" customFormat="1" x14ac:dyDescent="0.4">
      <c r="AE484" s="13"/>
      <c r="AF484" s="13"/>
    </row>
    <row r="485" spans="31:32" s="7" customFormat="1" x14ac:dyDescent="0.4">
      <c r="AE485" s="13"/>
      <c r="AF485" s="13"/>
    </row>
    <row r="486" spans="31:32" s="7" customFormat="1" x14ac:dyDescent="0.4">
      <c r="AE486" s="13"/>
      <c r="AF486" s="13"/>
    </row>
    <row r="487" spans="31:32" s="7" customFormat="1" x14ac:dyDescent="0.4">
      <c r="AE487" s="13"/>
      <c r="AF487" s="13"/>
    </row>
    <row r="488" spans="31:32" s="7" customFormat="1" x14ac:dyDescent="0.4">
      <c r="AE488" s="13"/>
      <c r="AF488" s="13"/>
    </row>
    <row r="489" spans="31:32" s="7" customFormat="1" x14ac:dyDescent="0.4">
      <c r="AE489" s="13"/>
      <c r="AF489" s="13"/>
    </row>
    <row r="490" spans="31:32" s="7" customFormat="1" x14ac:dyDescent="0.4">
      <c r="AE490" s="13"/>
      <c r="AF490" s="13"/>
    </row>
    <row r="491" spans="31:32" s="7" customFormat="1" x14ac:dyDescent="0.4">
      <c r="AE491" s="13"/>
      <c r="AF491" s="13"/>
    </row>
    <row r="492" spans="31:32" s="7" customFormat="1" x14ac:dyDescent="0.4">
      <c r="AE492" s="13"/>
      <c r="AF492" s="13"/>
    </row>
    <row r="493" spans="31:32" s="7" customFormat="1" x14ac:dyDescent="0.4">
      <c r="AE493" s="13"/>
      <c r="AF493" s="13"/>
    </row>
    <row r="494" spans="31:32" s="7" customFormat="1" x14ac:dyDescent="0.4">
      <c r="AE494" s="13"/>
      <c r="AF494" s="13"/>
    </row>
    <row r="495" spans="31:32" s="7" customFormat="1" x14ac:dyDescent="0.4">
      <c r="AE495" s="13"/>
      <c r="AF495" s="13"/>
    </row>
    <row r="496" spans="31:32" s="7" customFormat="1" x14ac:dyDescent="0.4">
      <c r="AE496" s="13"/>
      <c r="AF496" s="13"/>
    </row>
    <row r="497" spans="31:32" s="7" customFormat="1" x14ac:dyDescent="0.4">
      <c r="AE497" s="13"/>
      <c r="AF497" s="13"/>
    </row>
    <row r="498" spans="31:32" s="7" customFormat="1" x14ac:dyDescent="0.4">
      <c r="AE498" s="13"/>
      <c r="AF498" s="13"/>
    </row>
    <row r="499" spans="31:32" s="7" customFormat="1" x14ac:dyDescent="0.4">
      <c r="AE499" s="13"/>
      <c r="AF499" s="13"/>
    </row>
    <row r="500" spans="31:32" s="7" customFormat="1" x14ac:dyDescent="0.4">
      <c r="AE500" s="13"/>
      <c r="AF500" s="13"/>
    </row>
    <row r="501" spans="31:32" s="7" customFormat="1" x14ac:dyDescent="0.4">
      <c r="AE501" s="13"/>
      <c r="AF501" s="13"/>
    </row>
    <row r="502" spans="31:32" s="7" customFormat="1" x14ac:dyDescent="0.4">
      <c r="AE502" s="13"/>
      <c r="AF502" s="13"/>
    </row>
    <row r="503" spans="31:32" s="7" customFormat="1" x14ac:dyDescent="0.4">
      <c r="AE503" s="13"/>
      <c r="AF503" s="13"/>
    </row>
    <row r="504" spans="31:32" s="7" customFormat="1" x14ac:dyDescent="0.4">
      <c r="AE504" s="13"/>
      <c r="AF504" s="13"/>
    </row>
    <row r="505" spans="31:32" s="7" customFormat="1" x14ac:dyDescent="0.4">
      <c r="AE505" s="13"/>
      <c r="AF505" s="13"/>
    </row>
    <row r="506" spans="31:32" s="7" customFormat="1" x14ac:dyDescent="0.4">
      <c r="AE506" s="13"/>
      <c r="AF506" s="13"/>
    </row>
    <row r="507" spans="31:32" s="7" customFormat="1" x14ac:dyDescent="0.4">
      <c r="AE507" s="13"/>
      <c r="AF507" s="13"/>
    </row>
    <row r="508" spans="31:32" s="7" customFormat="1" x14ac:dyDescent="0.4">
      <c r="AE508" s="13"/>
      <c r="AF508" s="13"/>
    </row>
    <row r="509" spans="31:32" s="7" customFormat="1" x14ac:dyDescent="0.4">
      <c r="AE509" s="13"/>
      <c r="AF509" s="13"/>
    </row>
    <row r="510" spans="31:32" s="7" customFormat="1" x14ac:dyDescent="0.4">
      <c r="AE510" s="13"/>
      <c r="AF510" s="13"/>
    </row>
    <row r="511" spans="31:32" s="7" customFormat="1" x14ac:dyDescent="0.4">
      <c r="AE511" s="13"/>
      <c r="AF511" s="13"/>
    </row>
    <row r="512" spans="31:32" s="7" customFormat="1" x14ac:dyDescent="0.4">
      <c r="AE512" s="13"/>
      <c r="AF512" s="13"/>
    </row>
    <row r="513" spans="31:32" s="7" customFormat="1" x14ac:dyDescent="0.4">
      <c r="AE513" s="13"/>
      <c r="AF513" s="13"/>
    </row>
    <row r="514" spans="31:32" s="7" customFormat="1" x14ac:dyDescent="0.4">
      <c r="AE514" s="13"/>
      <c r="AF514" s="13"/>
    </row>
    <row r="515" spans="31:32" s="7" customFormat="1" x14ac:dyDescent="0.4">
      <c r="AE515" s="13"/>
      <c r="AF515" s="13"/>
    </row>
    <row r="516" spans="31:32" s="7" customFormat="1" x14ac:dyDescent="0.4">
      <c r="AE516" s="13"/>
      <c r="AF516" s="13"/>
    </row>
    <row r="517" spans="31:32" s="7" customFormat="1" x14ac:dyDescent="0.4"/>
    <row r="518" spans="31:32" s="7" customFormat="1" x14ac:dyDescent="0.4"/>
    <row r="519" spans="31:32" s="7" customFormat="1" x14ac:dyDescent="0.4"/>
    <row r="520" spans="31:32" s="7" customFormat="1" x14ac:dyDescent="0.4"/>
    <row r="521" spans="31:32" s="7" customFormat="1" x14ac:dyDescent="0.4"/>
    <row r="522" spans="31:32" s="7" customFormat="1" x14ac:dyDescent="0.4"/>
    <row r="523" spans="31:32" s="7" customFormat="1" x14ac:dyDescent="0.4"/>
    <row r="524" spans="31:32" s="7" customFormat="1" x14ac:dyDescent="0.4"/>
    <row r="525" spans="31:32" s="7" customFormat="1" x14ac:dyDescent="0.4"/>
    <row r="526" spans="31:32" s="7" customFormat="1" x14ac:dyDescent="0.4"/>
    <row r="527" spans="31:32" s="7" customFormat="1" x14ac:dyDescent="0.4"/>
    <row r="528" spans="31:32" s="7" customFormat="1" x14ac:dyDescent="0.4"/>
    <row r="529" spans="31:32" s="7" customFormat="1" x14ac:dyDescent="0.4"/>
    <row r="530" spans="31:32" s="7" customFormat="1" x14ac:dyDescent="0.4"/>
    <row r="531" spans="31:32" s="7" customFormat="1" x14ac:dyDescent="0.4"/>
    <row r="532" spans="31:32" s="7" customFormat="1" x14ac:dyDescent="0.4"/>
    <row r="533" spans="31:32" s="7" customFormat="1" x14ac:dyDescent="0.4"/>
    <row r="534" spans="31:32" s="7" customFormat="1" x14ac:dyDescent="0.4"/>
    <row r="535" spans="31:32" s="7" customFormat="1" x14ac:dyDescent="0.4"/>
    <row r="536" spans="31:32" s="7" customFormat="1" x14ac:dyDescent="0.4"/>
    <row r="537" spans="31:32" s="7" customFormat="1" x14ac:dyDescent="0.4"/>
    <row r="538" spans="31:32" s="7" customFormat="1" x14ac:dyDescent="0.4"/>
    <row r="539" spans="31:32" s="7" customFormat="1" x14ac:dyDescent="0.4"/>
    <row r="540" spans="31:32" s="7" customFormat="1" x14ac:dyDescent="0.4"/>
    <row r="541" spans="31:32" s="7" customFormat="1" x14ac:dyDescent="0.4"/>
    <row r="542" spans="31:32" s="7" customFormat="1" x14ac:dyDescent="0.4"/>
    <row r="543" spans="31:32" s="7" customFormat="1" x14ac:dyDescent="0.4"/>
    <row r="544" spans="31:32" x14ac:dyDescent="0.4">
      <c r="AE544" s="7"/>
      <c r="AF544" s="7"/>
    </row>
    <row r="545" spans="31:32" x14ac:dyDescent="0.4">
      <c r="AE545" s="7"/>
      <c r="AF545" s="7"/>
    </row>
    <row r="546" spans="31:32" x14ac:dyDescent="0.4">
      <c r="AE546" s="7"/>
      <c r="AF546" s="7"/>
    </row>
    <row r="547" spans="31:32" x14ac:dyDescent="0.4">
      <c r="AE547" s="7"/>
      <c r="AF547" s="7"/>
    </row>
    <row r="548" spans="31:32" x14ac:dyDescent="0.4">
      <c r="AE548" s="7"/>
      <c r="AF548" s="7"/>
    </row>
    <row r="549" spans="31:32" x14ac:dyDescent="0.4">
      <c r="AE549" s="7"/>
      <c r="AF549" s="7"/>
    </row>
    <row r="550" spans="31:32" x14ac:dyDescent="0.4">
      <c r="AE550" s="7"/>
      <c r="AF550" s="7"/>
    </row>
    <row r="551" spans="31:32" x14ac:dyDescent="0.4">
      <c r="AE551" s="7"/>
      <c r="AF551" s="7"/>
    </row>
    <row r="552" spans="31:32" x14ac:dyDescent="0.4">
      <c r="AE552" s="7"/>
      <c r="AF552" s="7"/>
    </row>
    <row r="553" spans="31:32" x14ac:dyDescent="0.4">
      <c r="AE553" s="7"/>
      <c r="AF553" s="7"/>
    </row>
    <row r="554" spans="31:32" x14ac:dyDescent="0.4">
      <c r="AE554" s="7"/>
      <c r="AF554" s="7"/>
    </row>
    <row r="555" spans="31:32" x14ac:dyDescent="0.4">
      <c r="AE555" s="7"/>
      <c r="AF555" s="7"/>
    </row>
    <row r="556" spans="31:32" x14ac:dyDescent="0.4">
      <c r="AE556" s="7"/>
      <c r="AF556" s="7"/>
    </row>
    <row r="557" spans="31:32" x14ac:dyDescent="0.4">
      <c r="AE557" s="7"/>
      <c r="AF557" s="7"/>
    </row>
    <row r="558" spans="31:32" x14ac:dyDescent="0.4">
      <c r="AE558" s="7"/>
      <c r="AF558" s="7"/>
    </row>
    <row r="559" spans="31:32" x14ac:dyDescent="0.4">
      <c r="AE559" s="7"/>
      <c r="AF559" s="7"/>
    </row>
    <row r="560" spans="31:32" x14ac:dyDescent="0.4">
      <c r="AE560" s="7"/>
      <c r="AF560" s="7"/>
    </row>
    <row r="561" spans="31:32" x14ac:dyDescent="0.4">
      <c r="AE561" s="7"/>
      <c r="AF561" s="7"/>
    </row>
    <row r="562" spans="31:32" x14ac:dyDescent="0.4">
      <c r="AE562" s="7"/>
      <c r="AF562" s="7"/>
    </row>
    <row r="563" spans="31:32" x14ac:dyDescent="0.4">
      <c r="AE563" s="7"/>
      <c r="AF563" s="7"/>
    </row>
    <row r="564" spans="31:32" x14ac:dyDescent="0.4">
      <c r="AE564" s="7"/>
      <c r="AF564" s="7"/>
    </row>
    <row r="565" spans="31:32" x14ac:dyDescent="0.4">
      <c r="AE565" s="7"/>
      <c r="AF565" s="7"/>
    </row>
    <row r="566" spans="31:32" x14ac:dyDescent="0.4">
      <c r="AE566" s="7"/>
      <c r="AF566" s="7"/>
    </row>
    <row r="567" spans="31:32" x14ac:dyDescent="0.4">
      <c r="AE567" s="7"/>
      <c r="AF567" s="7"/>
    </row>
    <row r="568" spans="31:32" x14ac:dyDescent="0.4">
      <c r="AE568" s="7"/>
      <c r="AF568" s="7"/>
    </row>
    <row r="569" spans="31:32" x14ac:dyDescent="0.4">
      <c r="AE569" s="7"/>
      <c r="AF569" s="7"/>
    </row>
    <row r="570" spans="31:32" x14ac:dyDescent="0.4">
      <c r="AE570" s="7"/>
      <c r="AF570" s="7"/>
    </row>
    <row r="571" spans="31:32" x14ac:dyDescent="0.4">
      <c r="AE571" s="7"/>
      <c r="AF571" s="7"/>
    </row>
    <row r="572" spans="31:32" x14ac:dyDescent="0.4">
      <c r="AE572" s="7"/>
      <c r="AF572" s="7"/>
    </row>
    <row r="573" spans="31:32" x14ac:dyDescent="0.4">
      <c r="AE573" s="7"/>
      <c r="AF573" s="7"/>
    </row>
  </sheetData>
  <autoFilter ref="A2:AD51" xr:uid="{00000000-0009-0000-0000-000021000000}"/>
  <phoneticPr fontId="1"/>
  <dataValidations count="2">
    <dataValidation type="whole" allowBlank="1" showInputMessage="1" showErrorMessage="1" sqref="AE3:AE51" xr:uid="{D86F1BEC-8879-4D38-A81F-F95E5588FE15}">
      <formula1>10</formula1>
      <formula2>1000</formula2>
    </dataValidation>
    <dataValidation type="list" allowBlank="1" showInputMessage="1" showErrorMessage="1" sqref="N3:Q42 U3:U42 W3:W42 Y3:Y42 AA3:AA42 AC3:AC42 AC45:AC50 N45:Q50 U45:U50 W45:W50 Y45:Y50 AA45:AA50 AF3:AF51" xr:uid="{E37E4B7B-AFF8-4635-9D32-8A0730998C2E}">
      <formula1>"○"</formula1>
    </dataValidation>
  </dataValidations>
  <hyperlinks>
    <hyperlink ref="J44" r:id="rId1" xr:uid="{E80B90B8-4E75-47D8-909A-E81F1BE2E935}"/>
  </hyperlink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85e6e18b-26c1-4122-9e79-e6c53ac26d53" xsi:nil="true"/>
    <lcf76f155ced4ddcb4097134ff3c332f xmlns="7f6ff588-74c6-42cc-8a7e-2865dbd05aee">
      <Terms xmlns="http://schemas.microsoft.com/office/infopath/2007/PartnerControls"/>
    </lcf76f155ced4ddcb4097134ff3c332f>
    <Owner xmlns="7f6ff588-74c6-42cc-8a7e-2865dbd05aee">
      <UserInfo>
        <DisplayName/>
        <AccountId xsi:nil="true"/>
        <AccountType/>
      </UserInfo>
    </Owner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C92381DECF95014B9F406BCF8E035E0B" ma:contentTypeVersion="15" ma:contentTypeDescription="新しいドキュメントを作成します。" ma:contentTypeScope="" ma:versionID="e15337f4f1eeb9e50fa74faf74221bd8">
  <xsd:schema xmlns:xsd="http://www.w3.org/2001/XMLSchema" xmlns:xs="http://www.w3.org/2001/XMLSchema" xmlns:p="http://schemas.microsoft.com/office/2006/metadata/properties" xmlns:ns2="7f6ff588-74c6-42cc-8a7e-2865dbd05aee" xmlns:ns3="85e6e18b-26c1-4122-9e79-e6c53ac26d53" targetNamespace="http://schemas.microsoft.com/office/2006/metadata/properties" ma:root="true" ma:fieldsID="6292ae638de9093b38db9d9f029c47ec" ns2:_="" ns3:_="">
    <xsd:import namespace="7f6ff588-74c6-42cc-8a7e-2865dbd05aee"/>
    <xsd:import namespace="85e6e18b-26c1-4122-9e79-e6c53ac26d53"/>
    <xsd:element name="properties">
      <xsd:complexType>
        <xsd:sequence>
          <xsd:element name="documentManagement">
            <xsd:complexType>
              <xsd:all>
                <xsd:element ref="ns2:Owner" minOccurs="0"/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lcf76f155ced4ddcb4097134ff3c332f" minOccurs="0"/>
                <xsd:element ref="ns3:TaxCatchAll" minOccurs="0"/>
                <xsd:element ref="ns2:MediaServiceDateTaken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MediaServiceLocation" minOccurs="0"/>
                <xsd:element ref="ns2:MediaServiceBilling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6ff588-74c6-42cc-8a7e-2865dbd05aee" elementFormDefault="qualified">
    <xsd:import namespace="http://schemas.microsoft.com/office/2006/documentManagement/types"/>
    <xsd:import namespace="http://schemas.microsoft.com/office/infopath/2007/PartnerControls"/>
    <xsd:element name="Owner" ma:index="8" nillable="true" ma:displayName="所有者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lcf76f155ced4ddcb4097134ff3c332f" ma:index="14" nillable="true" ma:taxonomy="true" ma:internalName="lcf76f155ced4ddcb4097134ff3c332f" ma:taxonomyFieldName="MediaServiceImageTags" ma:displayName="画像タグ" ma:readOnly="false" ma:fieldId="{5cf76f15-5ced-4ddc-b409-7134ff3c332f}" ma:taxonomyMulti="true" ma:sspId="0347f584-7be2-4218-8e94-402d99aedf0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6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MediaServiceLocation" ma:index="21" nillable="true" ma:displayName="Location" ma:description="" ma:indexed="true" ma:internalName="MediaServiceLocation" ma:readOnly="true">
      <xsd:simpleType>
        <xsd:restriction base="dms:Text"/>
      </xsd:simpleType>
    </xsd:element>
    <xsd:element name="MediaServiceBillingMetadata" ma:index="22" nillable="true" ma:displayName="MediaServiceBillingMetadata" ma:hidden="true" ma:internalName="MediaServiceBilling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5e6e18b-26c1-4122-9e79-e6c53ac26d53" elementFormDefault="qualified">
    <xsd:import namespace="http://schemas.microsoft.com/office/2006/documentManagement/types"/>
    <xsd:import namespace="http://schemas.microsoft.com/office/infopath/2007/PartnerControls"/>
    <xsd:element name="TaxCatchAll" ma:index="15" nillable="true" ma:displayName="Taxonomy Catch All Column" ma:hidden="true" ma:list="{16f76524-e03a-41e2-8704-fbedc04eb700}" ma:internalName="TaxCatchAll" ma:showField="CatchAllData" ma:web="85e6e18b-26c1-4122-9e79-e6c53ac26d53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C545251B-819A-4697-A3F4-4ED54071A5A0}">
  <ds:schemaRefs>
    <ds:schemaRef ds:uri="http://schemas.microsoft.com/office/2006/metadata/properties"/>
    <ds:schemaRef ds:uri="7f6ff588-74c6-42cc-8a7e-2865dbd05aee"/>
    <ds:schemaRef ds:uri="http://schemas.microsoft.com/office/2006/documentManagement/types"/>
    <ds:schemaRef ds:uri="http://purl.org/dc/terms/"/>
    <ds:schemaRef ds:uri="http://purl.org/dc/dcmitype/"/>
    <ds:schemaRef ds:uri="http://www.w3.org/XML/1998/namespace"/>
    <ds:schemaRef ds:uri="http://schemas.openxmlformats.org/package/2006/metadata/core-properties"/>
    <ds:schemaRef ds:uri="http://schemas.microsoft.com/office/infopath/2007/PartnerControls"/>
    <ds:schemaRef ds:uri="85e6e18b-26c1-4122-9e79-e6c53ac26d53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FFFC610F-77DD-4644-89DB-D1737AD4242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B413729D-D5A3-453E-86E8-B1C2A550454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f6ff588-74c6-42cc-8a7e-2865dbd05aee"/>
    <ds:schemaRef ds:uri="85e6e18b-26c1-4122-9e79-e6c53ac26d5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Sheet1</vt:lpstr>
      <vt:lpstr>32.島根県</vt:lpstr>
      <vt:lpstr>'32.島根県'!Print_Area</vt:lpstr>
      <vt:lpstr>'32.島根県'!Print_Titles</vt:lpstr>
    </vt:vector>
  </TitlesOfParts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橋本　理枝</dc:creator>
  <cp:lastModifiedBy>島根県橋本　理枝</cp:lastModifiedBy>
  <dcterms:created xsi:type="dcterms:W3CDTF">2026-04-01T06:37:55Z</dcterms:created>
  <dcterms:modified xsi:type="dcterms:W3CDTF">2026-04-01T06:55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92381DECF95014B9F406BCF8E035E0B</vt:lpwstr>
  </property>
  <property fmtid="{D5CDD505-2E9C-101B-9397-08002B2CF9AE}" pid="3" name="MediaServiceImageTags">
    <vt:lpwstr/>
  </property>
</Properties>
</file>